
<file path=[Content_Types].xml><?xml version="1.0" encoding="utf-8"?>
<Types xmlns="http://schemas.openxmlformats.org/package/2006/content-types">
  <Default Extension="fntdata" ContentType="application/x-fontdata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embedTrueTypeFonts="1" saveSubsetFonts="1" autoCompressPictures="0">
  <p:sldMasterIdLst>
    <p:sldMasterId id="2147483671" r:id="rId4"/>
  </p:sldMasterIdLst>
  <p:notesMasterIdLst>
    <p:notesMasterId r:id="rId18"/>
  </p:notesMasterIdLst>
  <p:sldIdLst>
    <p:sldId id="302" r:id="rId5"/>
    <p:sldId id="295" r:id="rId6"/>
    <p:sldId id="297" r:id="rId7"/>
    <p:sldId id="296" r:id="rId8"/>
    <p:sldId id="298" r:id="rId9"/>
    <p:sldId id="270" r:id="rId10"/>
    <p:sldId id="256" r:id="rId11"/>
    <p:sldId id="257" r:id="rId12"/>
    <p:sldId id="258" r:id="rId13"/>
    <p:sldId id="259" r:id="rId14"/>
    <p:sldId id="300" r:id="rId15"/>
    <p:sldId id="301" r:id="rId16"/>
    <p:sldId id="294" r:id="rId17"/>
  </p:sldIdLst>
  <p:sldSz cx="9144000" cy="5143500" type="screen16x9"/>
  <p:notesSz cx="6858000" cy="9144000"/>
  <p:embeddedFontLst>
    <p:embeddedFont>
      <p:font typeface="Aptos" panose="020B0004020202020204" pitchFamily="34" charset="0"/>
      <p:regular r:id="rId19"/>
      <p:bold r:id="rId20"/>
      <p:italic r:id="rId21"/>
      <p:boldItalic r:id="rId22"/>
    </p:embeddedFont>
    <p:embeddedFont>
      <p:font typeface="Arabic Typesetting" panose="03020402040406030203" pitchFamily="66" charset="-78"/>
      <p:regular r:id="rId23"/>
    </p:embeddedFont>
    <p:embeddedFont>
      <p:font typeface="Calibri" panose="020F0502020204030204" pitchFamily="34" charset="0"/>
      <p:regular r:id="rId24"/>
      <p:bold r:id="rId25"/>
      <p:italic r:id="rId26"/>
      <p:boldItalic r:id="rId27"/>
    </p:embeddedFont>
    <p:embeddedFont>
      <p:font typeface="Cochocib Script Latin Pro" panose="02000503000000020003" pitchFamily="2" charset="0"/>
      <p:regular r:id="rId28"/>
    </p:embeddedFont>
    <p:embeddedFont>
      <p:font typeface="Consolas" panose="020B0609020204030204" pitchFamily="49" charset="0"/>
      <p:regular r:id="rId29"/>
      <p:bold r:id="rId30"/>
      <p:italic r:id="rId31"/>
      <p:boldItalic r:id="rId32"/>
    </p:embeddedFont>
    <p:embeddedFont>
      <p:font typeface="Figtree" panose="020B0604020202020204" charset="0"/>
      <p:regular r:id="rId33"/>
      <p:bold r:id="rId34"/>
      <p:italic r:id="rId35"/>
      <p:boldItalic r:id="rId36"/>
    </p:embeddedFont>
    <p:embeddedFont>
      <p:font typeface="Fira Sans" panose="020B0503050000020004" pitchFamily="34" charset="0"/>
      <p:regular r:id="rId37"/>
      <p:bold r:id="rId38"/>
      <p:italic r:id="rId39"/>
      <p:boldItalic r:id="rId40"/>
    </p:embeddedFont>
    <p:embeddedFont>
      <p:font typeface="Outfit" panose="020B0604020202020204" charset="0"/>
      <p:regular r:id="rId41"/>
      <p:bold r:id="rId42"/>
    </p:embeddedFont>
    <p:embeddedFont>
      <p:font typeface="Roboto" panose="02000000000000000000" pitchFamily="2" charset="0"/>
      <p:regular r:id="rId43"/>
      <p:bold r:id="rId44"/>
      <p:italic r:id="rId45"/>
      <p:boldItalic r:id="rId46"/>
    </p:embeddedFont>
  </p:embeddedFontLst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521415D9-36F7-43E2-AB2F-B90AF26B5E84}">
      <p14:sectionLst xmlns:p14="http://schemas.microsoft.com/office/powerpoint/2010/main">
        <p14:section name="Default Section" id="{43D23690-78A3-4497-91CB-CB1E4F17F1FE}">
          <p14:sldIdLst>
            <p14:sldId id="302"/>
            <p14:sldId id="295"/>
            <p14:sldId id="297"/>
            <p14:sldId id="296"/>
            <p14:sldId id="298"/>
            <p14:sldId id="270"/>
            <p14:sldId id="256"/>
            <p14:sldId id="257"/>
            <p14:sldId id="258"/>
            <p14:sldId id="259"/>
            <p14:sldId id="300"/>
            <p14:sldId id="301"/>
            <p14:sldId id="294"/>
          </p14:sldIdLst>
        </p14:section>
      </p14:sectionLst>
    </p:ext>
    <p:ext uri="{EFAFB233-063F-42B5-8137-9DF3F51BA10A}">
      <p15:sldGuideLst xmlns:p15="http://schemas.microsoft.com/office/powerpoint/2012/main">
        <p15:guide id="1" pos="2880">
          <p15:clr>
            <a:srgbClr val="A4A3A4"/>
          </p15:clr>
        </p15:guide>
        <p15:guide id="2" orient="horz" pos="162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11D48"/>
    <a:srgbClr val="E6EFFA"/>
    <a:srgbClr val="225AA0"/>
    <a:srgbClr val="16A34A"/>
    <a:srgbClr val="EAB308"/>
    <a:srgbClr val="FDEDF0"/>
    <a:srgbClr val="F7C5D0"/>
    <a:srgbClr val="4E8DD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2330" autoAdjust="0"/>
    <p:restoredTop sz="94689" autoAdjust="0"/>
  </p:normalViewPr>
  <p:slideViewPr>
    <p:cSldViewPr snapToGrid="0">
      <p:cViewPr>
        <p:scale>
          <a:sx n="112" d="100"/>
          <a:sy n="112" d="100"/>
        </p:scale>
        <p:origin x="763" y="202"/>
      </p:cViewPr>
      <p:guideLst>
        <p:guide pos="2880"/>
        <p:guide orient="horz" pos="1620"/>
      </p:guideLst>
    </p:cSldViewPr>
  </p:slideViewPr>
  <p:notesTextViewPr>
    <p:cViewPr>
      <p:scale>
        <a:sx n="125" d="100"/>
        <a:sy n="125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notesMaster" Target="notesMasters/notesMaster1.xml"/><Relationship Id="rId26" Type="http://schemas.openxmlformats.org/officeDocument/2006/relationships/font" Target="fonts/font8.fntdata"/><Relationship Id="rId39" Type="http://schemas.openxmlformats.org/officeDocument/2006/relationships/font" Target="fonts/font21.fntdata"/><Relationship Id="rId21" Type="http://schemas.openxmlformats.org/officeDocument/2006/relationships/font" Target="fonts/font3.fntdata"/><Relationship Id="rId34" Type="http://schemas.openxmlformats.org/officeDocument/2006/relationships/font" Target="fonts/font16.fntdata"/><Relationship Id="rId42" Type="http://schemas.openxmlformats.org/officeDocument/2006/relationships/font" Target="fonts/font24.fntdata"/><Relationship Id="rId47" Type="http://schemas.openxmlformats.org/officeDocument/2006/relationships/presProps" Target="presProps.xml"/><Relationship Id="rId50" Type="http://schemas.openxmlformats.org/officeDocument/2006/relationships/tableStyles" Target="tableStyles.xml"/><Relationship Id="rId7" Type="http://schemas.openxmlformats.org/officeDocument/2006/relationships/slide" Target="slides/slide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9" Type="http://schemas.openxmlformats.org/officeDocument/2006/relationships/font" Target="fonts/font11.fntdata"/><Relationship Id="rId11" Type="http://schemas.openxmlformats.org/officeDocument/2006/relationships/slide" Target="slides/slide7.xml"/><Relationship Id="rId24" Type="http://schemas.openxmlformats.org/officeDocument/2006/relationships/font" Target="fonts/font6.fntdata"/><Relationship Id="rId32" Type="http://schemas.openxmlformats.org/officeDocument/2006/relationships/font" Target="fonts/font14.fntdata"/><Relationship Id="rId37" Type="http://schemas.openxmlformats.org/officeDocument/2006/relationships/font" Target="fonts/font19.fntdata"/><Relationship Id="rId40" Type="http://schemas.openxmlformats.org/officeDocument/2006/relationships/font" Target="fonts/font22.fntdata"/><Relationship Id="rId45" Type="http://schemas.openxmlformats.org/officeDocument/2006/relationships/font" Target="fonts/font27.fntdata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font" Target="fonts/font5.fntdata"/><Relationship Id="rId28" Type="http://schemas.openxmlformats.org/officeDocument/2006/relationships/font" Target="fonts/font10.fntdata"/><Relationship Id="rId36" Type="http://schemas.openxmlformats.org/officeDocument/2006/relationships/font" Target="fonts/font18.fntdata"/><Relationship Id="rId49" Type="http://schemas.openxmlformats.org/officeDocument/2006/relationships/theme" Target="theme/theme1.xml"/><Relationship Id="rId10" Type="http://schemas.openxmlformats.org/officeDocument/2006/relationships/slide" Target="slides/slide6.xml"/><Relationship Id="rId19" Type="http://schemas.openxmlformats.org/officeDocument/2006/relationships/font" Target="fonts/font1.fntdata"/><Relationship Id="rId31" Type="http://schemas.openxmlformats.org/officeDocument/2006/relationships/font" Target="fonts/font13.fntdata"/><Relationship Id="rId44" Type="http://schemas.openxmlformats.org/officeDocument/2006/relationships/font" Target="fonts/font26.fntdata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font" Target="fonts/font4.fntdata"/><Relationship Id="rId27" Type="http://schemas.openxmlformats.org/officeDocument/2006/relationships/font" Target="fonts/font9.fntdata"/><Relationship Id="rId30" Type="http://schemas.openxmlformats.org/officeDocument/2006/relationships/font" Target="fonts/font12.fntdata"/><Relationship Id="rId35" Type="http://schemas.openxmlformats.org/officeDocument/2006/relationships/font" Target="fonts/font17.fntdata"/><Relationship Id="rId43" Type="http://schemas.openxmlformats.org/officeDocument/2006/relationships/font" Target="fonts/font25.fntdata"/><Relationship Id="rId48" Type="http://schemas.openxmlformats.org/officeDocument/2006/relationships/viewProps" Target="viewProps.xml"/><Relationship Id="rId8" Type="http://schemas.openxmlformats.org/officeDocument/2006/relationships/slide" Target="slides/slide4.xml"/><Relationship Id="rId3" Type="http://schemas.openxmlformats.org/officeDocument/2006/relationships/customXml" Target="../customXml/item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font" Target="fonts/font7.fntdata"/><Relationship Id="rId33" Type="http://schemas.openxmlformats.org/officeDocument/2006/relationships/font" Target="fonts/font15.fntdata"/><Relationship Id="rId38" Type="http://schemas.openxmlformats.org/officeDocument/2006/relationships/font" Target="fonts/font20.fntdata"/><Relationship Id="rId46" Type="http://schemas.openxmlformats.org/officeDocument/2006/relationships/font" Target="fonts/font28.fntdata"/><Relationship Id="rId20" Type="http://schemas.openxmlformats.org/officeDocument/2006/relationships/font" Target="fonts/font2.fntdata"/><Relationship Id="rId41" Type="http://schemas.openxmlformats.org/officeDocument/2006/relationships/font" Target="fonts/font23.fntdata"/><Relationship Id="rId1" Type="http://schemas.openxmlformats.org/officeDocument/2006/relationships/customXml" Target="../customXml/item1.xml"/><Relationship Id="rId6" Type="http://schemas.openxmlformats.org/officeDocument/2006/relationships/slide" Target="slides/slide2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>
            <a:spLocks noGrp="1" noRot="1" noChangeAspect="1"/>
          </p:cNvSpPr>
          <p:nvPr>
            <p:ph type="sldImg" idx="2"/>
          </p:nvPr>
        </p:nvSpPr>
        <p:spPr>
          <a:xfrm>
            <a:off x="381300" y="685800"/>
            <a:ext cx="6096075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4" name="Google Shape;4;n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marL="457200" lvl="0" indent="-298450">
              <a:spcBef>
                <a:spcPts val="0"/>
              </a:spcBef>
              <a:spcAft>
                <a:spcPts val="0"/>
              </a:spcAft>
              <a:buSzPts val="1100"/>
              <a:buChar char="●"/>
              <a:defRPr sz="1100"/>
            </a:lvl1pPr>
            <a:lvl2pPr marL="914400" lvl="1" indent="-298450">
              <a:spcBef>
                <a:spcPts val="0"/>
              </a:spcBef>
              <a:spcAft>
                <a:spcPts val="0"/>
              </a:spcAft>
              <a:buSzPts val="1100"/>
              <a:buChar char="○"/>
              <a:defRPr sz="1100"/>
            </a:lvl2pPr>
            <a:lvl3pPr marL="1371600" lvl="2" indent="-298450">
              <a:spcBef>
                <a:spcPts val="0"/>
              </a:spcBef>
              <a:spcAft>
                <a:spcPts val="0"/>
              </a:spcAft>
              <a:buSzPts val="1100"/>
              <a:buChar char="■"/>
              <a:defRPr sz="1100"/>
            </a:lvl3pPr>
            <a:lvl4pPr marL="1828800" lvl="3" indent="-298450">
              <a:spcBef>
                <a:spcPts val="0"/>
              </a:spcBef>
              <a:spcAft>
                <a:spcPts val="0"/>
              </a:spcAft>
              <a:buSzPts val="1100"/>
              <a:buChar char="●"/>
              <a:defRPr sz="1100"/>
            </a:lvl4pPr>
            <a:lvl5pPr marL="2286000" lvl="4" indent="-298450">
              <a:spcBef>
                <a:spcPts val="0"/>
              </a:spcBef>
              <a:spcAft>
                <a:spcPts val="0"/>
              </a:spcAft>
              <a:buSzPts val="1100"/>
              <a:buChar char="○"/>
              <a:defRPr sz="1100"/>
            </a:lvl5pPr>
            <a:lvl6pPr marL="2743200" lvl="5" indent="-298450">
              <a:spcBef>
                <a:spcPts val="0"/>
              </a:spcBef>
              <a:spcAft>
                <a:spcPts val="0"/>
              </a:spcAft>
              <a:buSzPts val="1100"/>
              <a:buChar char="■"/>
              <a:defRPr sz="1100"/>
            </a:lvl6pPr>
            <a:lvl7pPr marL="3200400" lvl="6" indent="-298450">
              <a:spcBef>
                <a:spcPts val="0"/>
              </a:spcBef>
              <a:spcAft>
                <a:spcPts val="0"/>
              </a:spcAft>
              <a:buSzPts val="1100"/>
              <a:buChar char="●"/>
              <a:defRPr sz="1100"/>
            </a:lvl7pPr>
            <a:lvl8pPr marL="3657600" lvl="7" indent="-298450">
              <a:spcBef>
                <a:spcPts val="0"/>
              </a:spcBef>
              <a:spcAft>
                <a:spcPts val="0"/>
              </a:spcAft>
              <a:buSzPts val="1100"/>
              <a:buChar char="○"/>
              <a:defRPr sz="1100"/>
            </a:lvl8pPr>
            <a:lvl9pPr marL="4114800" lvl="8" indent="-298450">
              <a:spcBef>
                <a:spcPts val="0"/>
              </a:spcBef>
              <a:spcAft>
                <a:spcPts val="0"/>
              </a:spcAft>
              <a:buSzPts val="1100"/>
              <a:buChar char="■"/>
              <a:defRPr sz="1100"/>
            </a:lvl9pPr>
          </a:lstStyle>
          <a:p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4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1" name="Google Shape;341;g4dfce81f19_0_4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342" name="Google Shape;342;g4dfce81f19_0_4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89420972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4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1" name="Google Shape;341;g4dfce81f19_0_4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342" name="Google Shape;342;g4dfce81f19_0_4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4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1" name="Google Shape;341;g4dfce81f19_0_4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342" name="Google Shape;342;g4dfce81f19_0_4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400238491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N" dirty="0"/>
          </a:p>
        </p:txBody>
      </p:sp>
    </p:spTree>
    <p:extLst>
      <p:ext uri="{BB962C8B-B14F-4D97-AF65-F5344CB8AC3E}">
        <p14:creationId xmlns:p14="http://schemas.microsoft.com/office/powerpoint/2010/main" val="385247103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8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33" name="Google Shape;4833;g96c5e74a8e_0_924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834" name="Google Shape;4834;g96c5e74a8e_0_924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49322902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8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33" name="Google Shape;4833;g96c5e74a8e_0_924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834" name="Google Shape;4834;g96c5e74a8e_0_924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56704954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8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33" name="Google Shape;4833;g96c5e74a8e_0_924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834" name="Google Shape;4834;g96c5e74a8e_0_924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400117019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8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33" name="Google Shape;4833;g96c5e74a8e_0_924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834" name="Google Shape;4834;g96c5e74a8e_0_924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51349832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userDrawn="1">
  <p:cSld name="Title slide">
    <p:spTree>
      <p:nvGrpSpPr>
        <p:cNvPr id="1" name="Shape 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sosceles Triangle 1">
            <a:extLst>
              <a:ext uri="{FF2B5EF4-FFF2-40B4-BE49-F238E27FC236}">
                <a16:creationId xmlns:a16="http://schemas.microsoft.com/office/drawing/2014/main" id="{435B3291-C3E5-F64D-4D93-7C4128F793F2}"/>
              </a:ext>
            </a:extLst>
          </p:cNvPr>
          <p:cNvSpPr/>
          <p:nvPr userDrawn="1"/>
        </p:nvSpPr>
        <p:spPr>
          <a:xfrm>
            <a:off x="8752115" y="3588435"/>
            <a:ext cx="287383" cy="265694"/>
          </a:xfrm>
          <a:prstGeom prst="triangle">
            <a:avLst/>
          </a:prstGeom>
          <a:solidFill>
            <a:srgbClr val="16A34A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49AA8E6C-A87B-0062-0D5B-7F1BD6E8A4EB}"/>
              </a:ext>
            </a:extLst>
          </p:cNvPr>
          <p:cNvCxnSpPr>
            <a:cxnSpLocks/>
            <a:endCxn id="2" idx="3"/>
          </p:cNvCxnSpPr>
          <p:nvPr userDrawn="1"/>
        </p:nvCxnSpPr>
        <p:spPr>
          <a:xfrm flipV="1">
            <a:off x="8895807" y="3854129"/>
            <a:ext cx="0" cy="3513323"/>
          </a:xfrm>
          <a:prstGeom prst="line">
            <a:avLst/>
          </a:prstGeom>
          <a:ln>
            <a:solidFill>
              <a:srgbClr val="16A34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F88DC78B-359D-6CF2-6DDB-AEF6750EAB76}"/>
              </a:ext>
            </a:extLst>
          </p:cNvPr>
          <p:cNvCxnSpPr>
            <a:cxnSpLocks/>
          </p:cNvCxnSpPr>
          <p:nvPr userDrawn="1"/>
        </p:nvCxnSpPr>
        <p:spPr>
          <a:xfrm>
            <a:off x="-261258" y="4887727"/>
            <a:ext cx="862149" cy="0"/>
          </a:xfrm>
          <a:prstGeom prst="line">
            <a:avLst/>
          </a:prstGeom>
          <a:ln>
            <a:solidFill>
              <a:srgbClr val="E11D48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Rectangle 8">
            <a:extLst>
              <a:ext uri="{FF2B5EF4-FFF2-40B4-BE49-F238E27FC236}">
                <a16:creationId xmlns:a16="http://schemas.microsoft.com/office/drawing/2014/main" id="{809CD5A4-8B5B-2C2F-5E7A-B66CA9317726}"/>
              </a:ext>
            </a:extLst>
          </p:cNvPr>
          <p:cNvSpPr/>
          <p:nvPr userDrawn="1"/>
        </p:nvSpPr>
        <p:spPr>
          <a:xfrm>
            <a:off x="8588829" y="4145281"/>
            <a:ext cx="235132" cy="243840"/>
          </a:xfrm>
          <a:prstGeom prst="rect">
            <a:avLst/>
          </a:prstGeom>
          <a:solidFill>
            <a:srgbClr val="EAB308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D7E7A057-DAB5-B65E-D823-EF5EACE29301}"/>
              </a:ext>
            </a:extLst>
          </p:cNvPr>
          <p:cNvSpPr/>
          <p:nvPr userDrawn="1"/>
        </p:nvSpPr>
        <p:spPr>
          <a:xfrm>
            <a:off x="239483" y="4362994"/>
            <a:ext cx="300445" cy="304800"/>
          </a:xfrm>
          <a:prstGeom prst="ellipse">
            <a:avLst/>
          </a:prstGeom>
          <a:solidFill>
            <a:srgbClr val="E11D48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 baseline="0" dirty="0">
              <a:ln>
                <a:solidFill>
                  <a:srgbClr val="E11D48"/>
                </a:solidFill>
              </a:ln>
            </a:endParaRP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0009014A-A159-9154-FDA8-E99FB1DCD44F}"/>
              </a:ext>
            </a:extLst>
          </p:cNvPr>
          <p:cNvCxnSpPr>
            <a:cxnSpLocks/>
            <a:stCxn id="10" idx="4"/>
          </p:cNvCxnSpPr>
          <p:nvPr userDrawn="1"/>
        </p:nvCxnSpPr>
        <p:spPr>
          <a:xfrm flipH="1">
            <a:off x="383175" y="4667794"/>
            <a:ext cx="6531" cy="1201782"/>
          </a:xfrm>
          <a:prstGeom prst="line">
            <a:avLst/>
          </a:prstGeom>
          <a:ln>
            <a:solidFill>
              <a:srgbClr val="E11D48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E5A86349-7897-8BE8-CD38-35580C8B02B3}"/>
              </a:ext>
            </a:extLst>
          </p:cNvPr>
          <p:cNvCxnSpPr>
            <a:cxnSpLocks/>
            <a:endCxn id="9" idx="2"/>
          </p:cNvCxnSpPr>
          <p:nvPr userDrawn="1"/>
        </p:nvCxnSpPr>
        <p:spPr>
          <a:xfrm flipV="1">
            <a:off x="8706395" y="4389121"/>
            <a:ext cx="0" cy="2656114"/>
          </a:xfrm>
          <a:prstGeom prst="line">
            <a:avLst/>
          </a:prstGeom>
          <a:ln>
            <a:solidFill>
              <a:srgbClr val="EAB308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Slide Number Placeholder 19">
            <a:extLst>
              <a:ext uri="{FF2B5EF4-FFF2-40B4-BE49-F238E27FC236}">
                <a16:creationId xmlns:a16="http://schemas.microsoft.com/office/drawing/2014/main" id="{59CCB71B-93FC-20AE-9F87-11DA2F904D5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55B21A0-C56C-4BCB-A606-BA1B31E568E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282627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only" userDrawn="1">
  <p:cSld name="Title only">
    <p:spTree>
      <p:nvGrpSpPr>
        <p:cNvPr id="1" name="Shape 6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sosceles Triangle 1">
            <a:extLst>
              <a:ext uri="{FF2B5EF4-FFF2-40B4-BE49-F238E27FC236}">
                <a16:creationId xmlns:a16="http://schemas.microsoft.com/office/drawing/2014/main" id="{0BDDA7D6-CE80-2DCF-DE40-C87C0D0F9D67}"/>
              </a:ext>
            </a:extLst>
          </p:cNvPr>
          <p:cNvSpPr/>
          <p:nvPr userDrawn="1"/>
        </p:nvSpPr>
        <p:spPr>
          <a:xfrm>
            <a:off x="8586653" y="4435386"/>
            <a:ext cx="287383" cy="265694"/>
          </a:xfrm>
          <a:prstGeom prst="triangle">
            <a:avLst/>
          </a:prstGeom>
          <a:noFill/>
          <a:ln>
            <a:solidFill>
              <a:srgbClr val="16A34A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568B7387-7B96-6F7D-B55A-D348E143E5C1}"/>
              </a:ext>
            </a:extLst>
          </p:cNvPr>
          <p:cNvSpPr/>
          <p:nvPr userDrawn="1"/>
        </p:nvSpPr>
        <p:spPr>
          <a:xfrm>
            <a:off x="8469087" y="721179"/>
            <a:ext cx="235132" cy="243840"/>
          </a:xfrm>
          <a:prstGeom prst="rect">
            <a:avLst/>
          </a:prstGeom>
          <a:noFill/>
          <a:ln>
            <a:solidFill>
              <a:srgbClr val="EAB308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 dirty="0"/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00195969-C8DE-2D8E-F2D1-CE0857AB61D3}"/>
              </a:ext>
            </a:extLst>
          </p:cNvPr>
          <p:cNvSpPr/>
          <p:nvPr userDrawn="1"/>
        </p:nvSpPr>
        <p:spPr>
          <a:xfrm>
            <a:off x="343989" y="4491406"/>
            <a:ext cx="239486" cy="228640"/>
          </a:xfrm>
          <a:prstGeom prst="ellipse">
            <a:avLst/>
          </a:prstGeom>
          <a:noFill/>
          <a:ln>
            <a:solidFill>
              <a:srgbClr val="E11D48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ln>
                <a:solidFill>
                  <a:srgbClr val="E11D48"/>
                </a:solidFill>
              </a:ln>
            </a:endParaRPr>
          </a:p>
        </p:txBody>
      </p:sp>
      <p:sp>
        <p:nvSpPr>
          <p:cNvPr id="7" name="Isosceles Triangle 6">
            <a:extLst>
              <a:ext uri="{FF2B5EF4-FFF2-40B4-BE49-F238E27FC236}">
                <a16:creationId xmlns:a16="http://schemas.microsoft.com/office/drawing/2014/main" id="{DF26C77F-F4C1-ED46-82F9-C6A21100668E}"/>
              </a:ext>
            </a:extLst>
          </p:cNvPr>
          <p:cNvSpPr/>
          <p:nvPr userDrawn="1"/>
        </p:nvSpPr>
        <p:spPr>
          <a:xfrm>
            <a:off x="681643" y="4266306"/>
            <a:ext cx="182881" cy="169079"/>
          </a:xfrm>
          <a:prstGeom prst="triangle">
            <a:avLst/>
          </a:prstGeom>
          <a:noFill/>
          <a:ln>
            <a:solidFill>
              <a:srgbClr val="16A34A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CB559476-CB74-C6B2-9AAB-E93F943D636B}"/>
              </a:ext>
            </a:extLst>
          </p:cNvPr>
          <p:cNvSpPr/>
          <p:nvPr userDrawn="1"/>
        </p:nvSpPr>
        <p:spPr>
          <a:xfrm>
            <a:off x="8861767" y="4065673"/>
            <a:ext cx="173399" cy="165546"/>
          </a:xfrm>
          <a:prstGeom prst="ellipse">
            <a:avLst/>
          </a:prstGeom>
          <a:noFill/>
          <a:ln>
            <a:solidFill>
              <a:srgbClr val="E11D48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ln>
                <a:solidFill>
                  <a:srgbClr val="E11D48"/>
                </a:solidFill>
              </a:ln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2C1F48D4-495E-7DD1-9BB0-F0A5A6DDD7E2}"/>
              </a:ext>
            </a:extLst>
          </p:cNvPr>
          <p:cNvSpPr/>
          <p:nvPr userDrawn="1"/>
        </p:nvSpPr>
        <p:spPr>
          <a:xfrm>
            <a:off x="8210007" y="1047750"/>
            <a:ext cx="106680" cy="110631"/>
          </a:xfrm>
          <a:prstGeom prst="rect">
            <a:avLst/>
          </a:prstGeom>
          <a:noFill/>
          <a:ln>
            <a:solidFill>
              <a:srgbClr val="EAB308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D770241-CAD2-DA65-6EE4-B46E37F58EFD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55B21A0-C56C-4BCB-A606-BA1B31E568E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6012682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only" preserve="1" userDrawn="1">
  <p:cSld name="1_Title only">
    <p:spTree>
      <p:nvGrpSpPr>
        <p:cNvPr id="1" name="Shape 6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sosceles Triangle 1">
            <a:extLst>
              <a:ext uri="{FF2B5EF4-FFF2-40B4-BE49-F238E27FC236}">
                <a16:creationId xmlns:a16="http://schemas.microsoft.com/office/drawing/2014/main" id="{0BDDA7D6-CE80-2DCF-DE40-C87C0D0F9D67}"/>
              </a:ext>
            </a:extLst>
          </p:cNvPr>
          <p:cNvSpPr/>
          <p:nvPr userDrawn="1"/>
        </p:nvSpPr>
        <p:spPr>
          <a:xfrm>
            <a:off x="8743013" y="4368816"/>
            <a:ext cx="287383" cy="265694"/>
          </a:xfrm>
          <a:prstGeom prst="triangle">
            <a:avLst/>
          </a:prstGeom>
          <a:noFill/>
          <a:ln>
            <a:solidFill>
              <a:srgbClr val="16A34A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00195969-C8DE-2D8E-F2D1-CE0857AB61D3}"/>
              </a:ext>
            </a:extLst>
          </p:cNvPr>
          <p:cNvSpPr/>
          <p:nvPr userDrawn="1"/>
        </p:nvSpPr>
        <p:spPr>
          <a:xfrm>
            <a:off x="361404" y="819110"/>
            <a:ext cx="239486" cy="228640"/>
          </a:xfrm>
          <a:prstGeom prst="ellipse">
            <a:avLst/>
          </a:prstGeom>
          <a:noFill/>
          <a:ln>
            <a:solidFill>
              <a:srgbClr val="E11D48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ln>
                <a:solidFill>
                  <a:srgbClr val="E11D48"/>
                </a:solidFill>
              </a:ln>
            </a:endParaRPr>
          </a:p>
        </p:txBody>
      </p:sp>
      <p:sp>
        <p:nvSpPr>
          <p:cNvPr id="6" name="Isosceles Triangle 5">
            <a:extLst>
              <a:ext uri="{FF2B5EF4-FFF2-40B4-BE49-F238E27FC236}">
                <a16:creationId xmlns:a16="http://schemas.microsoft.com/office/drawing/2014/main" id="{668D16AD-F803-BEE9-6116-9F97FDE36ED8}"/>
              </a:ext>
            </a:extLst>
          </p:cNvPr>
          <p:cNvSpPr/>
          <p:nvPr userDrawn="1"/>
        </p:nvSpPr>
        <p:spPr>
          <a:xfrm>
            <a:off x="183175" y="4701080"/>
            <a:ext cx="192425" cy="177903"/>
          </a:xfrm>
          <a:prstGeom prst="triangle">
            <a:avLst/>
          </a:prstGeom>
          <a:noFill/>
          <a:ln>
            <a:solidFill>
              <a:srgbClr val="16A34A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" name="Isosceles Triangle 6">
            <a:extLst>
              <a:ext uri="{FF2B5EF4-FFF2-40B4-BE49-F238E27FC236}">
                <a16:creationId xmlns:a16="http://schemas.microsoft.com/office/drawing/2014/main" id="{DF26C77F-F4C1-ED46-82F9-C6A21100668E}"/>
              </a:ext>
            </a:extLst>
          </p:cNvPr>
          <p:cNvSpPr/>
          <p:nvPr userDrawn="1"/>
        </p:nvSpPr>
        <p:spPr>
          <a:xfrm>
            <a:off x="8495213" y="667736"/>
            <a:ext cx="287383" cy="265694"/>
          </a:xfrm>
          <a:prstGeom prst="triangle">
            <a:avLst/>
          </a:prstGeom>
          <a:noFill/>
          <a:ln>
            <a:solidFill>
              <a:srgbClr val="16A34A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CB559476-CB74-C6B2-9AAB-E93F943D636B}"/>
              </a:ext>
            </a:extLst>
          </p:cNvPr>
          <p:cNvSpPr/>
          <p:nvPr userDrawn="1"/>
        </p:nvSpPr>
        <p:spPr>
          <a:xfrm>
            <a:off x="8441911" y="4155128"/>
            <a:ext cx="157411" cy="150282"/>
          </a:xfrm>
          <a:prstGeom prst="ellipse">
            <a:avLst/>
          </a:prstGeom>
          <a:noFill/>
          <a:ln>
            <a:solidFill>
              <a:srgbClr val="E11D48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ln>
                <a:solidFill>
                  <a:srgbClr val="E11D48"/>
                </a:solidFill>
              </a:ln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2C1F48D4-495E-7DD1-9BB0-F0A5A6DDD7E2}"/>
              </a:ext>
            </a:extLst>
          </p:cNvPr>
          <p:cNvSpPr/>
          <p:nvPr userDrawn="1"/>
        </p:nvSpPr>
        <p:spPr>
          <a:xfrm>
            <a:off x="8243034" y="972161"/>
            <a:ext cx="147585" cy="153051"/>
          </a:xfrm>
          <a:prstGeom prst="rect">
            <a:avLst/>
          </a:prstGeom>
          <a:noFill/>
          <a:ln>
            <a:solidFill>
              <a:srgbClr val="EAB308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 dirty="0"/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6F3313D8-051F-D159-B4EF-9DC4F3CB5E3C}"/>
              </a:ext>
            </a:extLst>
          </p:cNvPr>
          <p:cNvSpPr/>
          <p:nvPr userDrawn="1"/>
        </p:nvSpPr>
        <p:spPr>
          <a:xfrm>
            <a:off x="183175" y="1775994"/>
            <a:ext cx="178229" cy="177903"/>
          </a:xfrm>
          <a:prstGeom prst="ellipse">
            <a:avLst/>
          </a:prstGeom>
          <a:noFill/>
          <a:ln>
            <a:solidFill>
              <a:srgbClr val="E11D48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ln>
                <a:solidFill>
                  <a:srgbClr val="E11D48"/>
                </a:solidFill>
              </a:ln>
            </a:endParaRPr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CBA19F73-EF21-D9A4-0059-94FCE3F2F318}"/>
              </a:ext>
            </a:extLst>
          </p:cNvPr>
          <p:cNvSpPr/>
          <p:nvPr userDrawn="1"/>
        </p:nvSpPr>
        <p:spPr>
          <a:xfrm>
            <a:off x="532939" y="1345620"/>
            <a:ext cx="208709" cy="199257"/>
          </a:xfrm>
          <a:prstGeom prst="ellipse">
            <a:avLst/>
          </a:prstGeom>
          <a:noFill/>
          <a:ln>
            <a:solidFill>
              <a:srgbClr val="E11D48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ln>
                <a:solidFill>
                  <a:srgbClr val="E11D48"/>
                </a:solidFill>
              </a:ln>
            </a:endParaRP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0AEB1CE-6CBE-FAAB-23B3-7B96F078180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55B21A0-C56C-4BCB-A606-BA1B31E568E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32809746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type="title">
  <p:cSld name="1_Title slide">
    <p:spTree>
      <p:nvGrpSpPr>
        <p:cNvPr id="1" name="Shape 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Google Shape;9;p2"/>
          <p:cNvSpPr txBox="1">
            <a:spLocks noGrp="1"/>
          </p:cNvSpPr>
          <p:nvPr>
            <p:ph type="ctrTitle"/>
          </p:nvPr>
        </p:nvSpPr>
        <p:spPr>
          <a:xfrm>
            <a:off x="713226" y="970222"/>
            <a:ext cx="5152800" cy="2669400"/>
          </a:xfrm>
          <a:prstGeom prst="rect">
            <a:avLst/>
          </a:prstGeom>
          <a:ln w="9525" cap="flat" cmpd="sng">
            <a:solidFill>
              <a:schemeClr val="dk2"/>
            </a:solidFill>
            <a:prstDash val="dash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>
            <a:lvl1pPr lvl="0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>
                <a:srgbClr val="191919"/>
              </a:buClr>
              <a:buSzPts val="5200"/>
              <a:buNone/>
              <a:defRPr sz="6000" b="1">
                <a:solidFill>
                  <a:schemeClr val="dk2"/>
                </a:solidFill>
                <a:latin typeface="Outfit"/>
                <a:ea typeface="Outfit"/>
                <a:cs typeface="Outfit"/>
                <a:sym typeface="Outfit"/>
              </a:defRPr>
            </a:lvl1pPr>
            <a:lvl2pPr lvl="1" algn="ctr">
              <a:spcBef>
                <a:spcPts val="0"/>
              </a:spcBef>
              <a:spcAft>
                <a:spcPts val="0"/>
              </a:spcAft>
              <a:buClr>
                <a:srgbClr val="191919"/>
              </a:buClr>
              <a:buSzPts val="5200"/>
              <a:buNone/>
              <a:defRPr sz="5200">
                <a:solidFill>
                  <a:srgbClr val="191919"/>
                </a:solidFill>
              </a:defRPr>
            </a:lvl2pPr>
            <a:lvl3pPr lvl="2" algn="ctr">
              <a:spcBef>
                <a:spcPts val="0"/>
              </a:spcBef>
              <a:spcAft>
                <a:spcPts val="0"/>
              </a:spcAft>
              <a:buClr>
                <a:srgbClr val="191919"/>
              </a:buClr>
              <a:buSzPts val="5200"/>
              <a:buNone/>
              <a:defRPr sz="5200">
                <a:solidFill>
                  <a:srgbClr val="191919"/>
                </a:solidFill>
              </a:defRPr>
            </a:lvl3pPr>
            <a:lvl4pPr lvl="3" algn="ctr">
              <a:spcBef>
                <a:spcPts val="0"/>
              </a:spcBef>
              <a:spcAft>
                <a:spcPts val="0"/>
              </a:spcAft>
              <a:buClr>
                <a:srgbClr val="191919"/>
              </a:buClr>
              <a:buSzPts val="5200"/>
              <a:buNone/>
              <a:defRPr sz="5200">
                <a:solidFill>
                  <a:srgbClr val="191919"/>
                </a:solidFill>
              </a:defRPr>
            </a:lvl4pPr>
            <a:lvl5pPr lvl="4" algn="ctr">
              <a:spcBef>
                <a:spcPts val="0"/>
              </a:spcBef>
              <a:spcAft>
                <a:spcPts val="0"/>
              </a:spcAft>
              <a:buClr>
                <a:srgbClr val="191919"/>
              </a:buClr>
              <a:buSzPts val="5200"/>
              <a:buNone/>
              <a:defRPr sz="5200">
                <a:solidFill>
                  <a:srgbClr val="191919"/>
                </a:solidFill>
              </a:defRPr>
            </a:lvl5pPr>
            <a:lvl6pPr lvl="5" algn="ctr">
              <a:spcBef>
                <a:spcPts val="0"/>
              </a:spcBef>
              <a:spcAft>
                <a:spcPts val="0"/>
              </a:spcAft>
              <a:buClr>
                <a:srgbClr val="191919"/>
              </a:buClr>
              <a:buSzPts val="5200"/>
              <a:buNone/>
              <a:defRPr sz="5200">
                <a:solidFill>
                  <a:srgbClr val="191919"/>
                </a:solidFill>
              </a:defRPr>
            </a:lvl6pPr>
            <a:lvl7pPr lvl="6" algn="ctr">
              <a:spcBef>
                <a:spcPts val="0"/>
              </a:spcBef>
              <a:spcAft>
                <a:spcPts val="0"/>
              </a:spcAft>
              <a:buClr>
                <a:srgbClr val="191919"/>
              </a:buClr>
              <a:buSzPts val="5200"/>
              <a:buNone/>
              <a:defRPr sz="5200">
                <a:solidFill>
                  <a:srgbClr val="191919"/>
                </a:solidFill>
              </a:defRPr>
            </a:lvl7pPr>
            <a:lvl8pPr lvl="7" algn="ctr">
              <a:spcBef>
                <a:spcPts val="0"/>
              </a:spcBef>
              <a:spcAft>
                <a:spcPts val="0"/>
              </a:spcAft>
              <a:buClr>
                <a:srgbClr val="191919"/>
              </a:buClr>
              <a:buSzPts val="5200"/>
              <a:buNone/>
              <a:defRPr sz="5200">
                <a:solidFill>
                  <a:srgbClr val="191919"/>
                </a:solidFill>
              </a:defRPr>
            </a:lvl8pPr>
            <a:lvl9pPr lvl="8" algn="ctr">
              <a:spcBef>
                <a:spcPts val="0"/>
              </a:spcBef>
              <a:spcAft>
                <a:spcPts val="0"/>
              </a:spcAft>
              <a:buClr>
                <a:srgbClr val="191919"/>
              </a:buClr>
              <a:buSzPts val="5200"/>
              <a:buNone/>
              <a:defRPr sz="5200">
                <a:solidFill>
                  <a:srgbClr val="191919"/>
                </a:solidFill>
              </a:defRPr>
            </a:lvl9pPr>
          </a:lstStyle>
          <a:p>
            <a:endParaRPr/>
          </a:p>
        </p:txBody>
      </p:sp>
      <p:sp>
        <p:nvSpPr>
          <p:cNvPr id="10" name="Google Shape;10;p2"/>
          <p:cNvSpPr txBox="1">
            <a:spLocks noGrp="1"/>
          </p:cNvSpPr>
          <p:nvPr>
            <p:ph type="subTitle" idx="1"/>
          </p:nvPr>
        </p:nvSpPr>
        <p:spPr>
          <a:xfrm>
            <a:off x="713225" y="3944297"/>
            <a:ext cx="4179600" cy="475800"/>
          </a:xfrm>
          <a:prstGeom prst="rect">
            <a:avLst/>
          </a:prstGeom>
          <a:ln w="9525" cap="flat" cmpd="sng">
            <a:solidFill>
              <a:schemeClr val="accent2"/>
            </a:solidFill>
            <a:prstDash val="dash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lv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200"/>
              <a:buNone/>
              <a:defRPr sz="1600">
                <a:solidFill>
                  <a:schemeClr val="dk1"/>
                </a:solidFill>
                <a:latin typeface="Figtree"/>
                <a:ea typeface="Figtree"/>
                <a:cs typeface="Figtree"/>
                <a:sym typeface="Figtree"/>
              </a:defRPr>
            </a:lvl1pPr>
            <a:lvl2pPr lvl="1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800"/>
              <a:buNone/>
              <a:defRPr sz="1800"/>
            </a:lvl2pPr>
            <a:lvl3pPr lvl="2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800"/>
              <a:buNone/>
              <a:defRPr sz="1800"/>
            </a:lvl3pPr>
            <a:lvl4pPr lvl="3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800"/>
              <a:buNone/>
              <a:defRPr sz="1800"/>
            </a:lvl4pPr>
            <a:lvl5pPr lvl="4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800"/>
              <a:buNone/>
              <a:defRPr sz="1800"/>
            </a:lvl5pPr>
            <a:lvl6pPr lvl="5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800"/>
              <a:buNone/>
              <a:defRPr sz="1800"/>
            </a:lvl6pPr>
            <a:lvl7pPr lvl="6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800"/>
              <a:buNone/>
              <a:defRPr sz="1800"/>
            </a:lvl7pPr>
            <a:lvl8pPr lvl="7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800"/>
              <a:buNone/>
              <a:defRPr sz="1800"/>
            </a:lvl8pPr>
            <a:lvl9pPr lvl="8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800"/>
              <a:buNone/>
              <a:defRPr sz="1800"/>
            </a:lvl9pPr>
          </a:lstStyle>
          <a:p>
            <a:endParaRPr/>
          </a:p>
        </p:txBody>
      </p:sp>
      <p:sp>
        <p:nvSpPr>
          <p:cNvPr id="11" name="Google Shape;11;p2"/>
          <p:cNvSpPr/>
          <p:nvPr/>
        </p:nvSpPr>
        <p:spPr>
          <a:xfrm>
            <a:off x="8285406" y="2453776"/>
            <a:ext cx="295550" cy="295550"/>
          </a:xfrm>
          <a:custGeom>
            <a:avLst/>
            <a:gdLst/>
            <a:ahLst/>
            <a:cxnLst/>
            <a:rect l="l" t="t" r="r" b="b"/>
            <a:pathLst>
              <a:path w="10826" h="10826" extrusionOk="0">
                <a:moveTo>
                  <a:pt x="5413" y="0"/>
                </a:moveTo>
                <a:cubicBezTo>
                  <a:pt x="2428" y="0"/>
                  <a:pt x="1" y="2427"/>
                  <a:pt x="1" y="5413"/>
                </a:cubicBezTo>
                <a:cubicBezTo>
                  <a:pt x="1" y="8398"/>
                  <a:pt x="2428" y="10825"/>
                  <a:pt x="5413" y="10825"/>
                </a:cubicBezTo>
                <a:cubicBezTo>
                  <a:pt x="8398" y="10825"/>
                  <a:pt x="10826" y="8398"/>
                  <a:pt x="10826" y="5413"/>
                </a:cubicBezTo>
                <a:cubicBezTo>
                  <a:pt x="10826" y="2427"/>
                  <a:pt x="8398" y="0"/>
                  <a:pt x="5413" y="0"/>
                </a:cubicBezTo>
                <a:close/>
              </a:path>
            </a:pathLst>
          </a:custGeom>
          <a:solidFill>
            <a:schemeClr val="lt2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  <p:sp>
        <p:nvSpPr>
          <p:cNvPr id="12" name="Google Shape;12;p2"/>
          <p:cNvSpPr/>
          <p:nvPr/>
        </p:nvSpPr>
        <p:spPr>
          <a:xfrm>
            <a:off x="8672329" y="2800280"/>
            <a:ext cx="223177" cy="221949"/>
          </a:xfrm>
          <a:custGeom>
            <a:avLst/>
            <a:gdLst/>
            <a:ahLst/>
            <a:cxnLst/>
            <a:rect l="l" t="t" r="r" b="b"/>
            <a:pathLst>
              <a:path w="8175" h="8130" extrusionOk="0">
                <a:moveTo>
                  <a:pt x="3658" y="0"/>
                </a:moveTo>
                <a:cubicBezTo>
                  <a:pt x="3630" y="0"/>
                  <a:pt x="3601" y="4"/>
                  <a:pt x="3572" y="11"/>
                </a:cubicBezTo>
                <a:cubicBezTo>
                  <a:pt x="3321" y="39"/>
                  <a:pt x="3069" y="95"/>
                  <a:pt x="2818" y="178"/>
                </a:cubicBezTo>
                <a:cubicBezTo>
                  <a:pt x="2595" y="234"/>
                  <a:pt x="2484" y="485"/>
                  <a:pt x="2539" y="708"/>
                </a:cubicBezTo>
                <a:cubicBezTo>
                  <a:pt x="2595" y="876"/>
                  <a:pt x="2763" y="987"/>
                  <a:pt x="2958" y="987"/>
                </a:cubicBezTo>
                <a:lnTo>
                  <a:pt x="3069" y="987"/>
                </a:lnTo>
                <a:cubicBezTo>
                  <a:pt x="3265" y="904"/>
                  <a:pt x="3488" y="876"/>
                  <a:pt x="3683" y="848"/>
                </a:cubicBezTo>
                <a:cubicBezTo>
                  <a:pt x="3906" y="820"/>
                  <a:pt x="4074" y="597"/>
                  <a:pt x="4046" y="374"/>
                </a:cubicBezTo>
                <a:cubicBezTo>
                  <a:pt x="4022" y="155"/>
                  <a:pt x="3850" y="0"/>
                  <a:pt x="3658" y="0"/>
                </a:cubicBezTo>
                <a:close/>
                <a:moveTo>
                  <a:pt x="5005" y="82"/>
                </a:moveTo>
                <a:cubicBezTo>
                  <a:pt x="4812" y="82"/>
                  <a:pt x="4623" y="212"/>
                  <a:pt x="4576" y="402"/>
                </a:cubicBezTo>
                <a:cubicBezTo>
                  <a:pt x="4520" y="625"/>
                  <a:pt x="4660" y="848"/>
                  <a:pt x="4883" y="904"/>
                </a:cubicBezTo>
                <a:cubicBezTo>
                  <a:pt x="5078" y="960"/>
                  <a:pt x="5273" y="1043"/>
                  <a:pt x="5469" y="1127"/>
                </a:cubicBezTo>
                <a:cubicBezTo>
                  <a:pt x="5525" y="1155"/>
                  <a:pt x="5580" y="1155"/>
                  <a:pt x="5636" y="1155"/>
                </a:cubicBezTo>
                <a:cubicBezTo>
                  <a:pt x="5804" y="1155"/>
                  <a:pt x="5943" y="1071"/>
                  <a:pt x="6027" y="904"/>
                </a:cubicBezTo>
                <a:cubicBezTo>
                  <a:pt x="6138" y="708"/>
                  <a:pt x="6027" y="457"/>
                  <a:pt x="5831" y="346"/>
                </a:cubicBezTo>
                <a:cubicBezTo>
                  <a:pt x="5580" y="234"/>
                  <a:pt x="5357" y="150"/>
                  <a:pt x="5106" y="95"/>
                </a:cubicBezTo>
                <a:cubicBezTo>
                  <a:pt x="5073" y="86"/>
                  <a:pt x="5039" y="82"/>
                  <a:pt x="5005" y="82"/>
                </a:cubicBezTo>
                <a:close/>
                <a:moveTo>
                  <a:pt x="1739" y="814"/>
                </a:moveTo>
                <a:cubicBezTo>
                  <a:pt x="1645" y="814"/>
                  <a:pt x="1552" y="843"/>
                  <a:pt x="1479" y="904"/>
                </a:cubicBezTo>
                <a:cubicBezTo>
                  <a:pt x="1284" y="1071"/>
                  <a:pt x="1089" y="1266"/>
                  <a:pt x="921" y="1462"/>
                </a:cubicBezTo>
                <a:cubicBezTo>
                  <a:pt x="782" y="1657"/>
                  <a:pt x="810" y="1908"/>
                  <a:pt x="1005" y="2048"/>
                </a:cubicBezTo>
                <a:cubicBezTo>
                  <a:pt x="1061" y="2131"/>
                  <a:pt x="1172" y="2159"/>
                  <a:pt x="1256" y="2159"/>
                </a:cubicBezTo>
                <a:cubicBezTo>
                  <a:pt x="1395" y="2159"/>
                  <a:pt x="1507" y="2103"/>
                  <a:pt x="1591" y="1992"/>
                </a:cubicBezTo>
                <a:cubicBezTo>
                  <a:pt x="1730" y="1852"/>
                  <a:pt x="1870" y="1713"/>
                  <a:pt x="2009" y="1573"/>
                </a:cubicBezTo>
                <a:cubicBezTo>
                  <a:pt x="2205" y="1406"/>
                  <a:pt x="2232" y="1155"/>
                  <a:pt x="2065" y="960"/>
                </a:cubicBezTo>
                <a:cubicBezTo>
                  <a:pt x="1986" y="864"/>
                  <a:pt x="1862" y="814"/>
                  <a:pt x="1739" y="814"/>
                </a:cubicBezTo>
                <a:close/>
                <a:moveTo>
                  <a:pt x="6766" y="1113"/>
                </a:moveTo>
                <a:cubicBezTo>
                  <a:pt x="6661" y="1113"/>
                  <a:pt x="6557" y="1155"/>
                  <a:pt x="6473" y="1239"/>
                </a:cubicBezTo>
                <a:cubicBezTo>
                  <a:pt x="6306" y="1406"/>
                  <a:pt x="6278" y="1657"/>
                  <a:pt x="6445" y="1824"/>
                </a:cubicBezTo>
                <a:cubicBezTo>
                  <a:pt x="6585" y="1992"/>
                  <a:pt x="6724" y="2159"/>
                  <a:pt x="6808" y="2327"/>
                </a:cubicBezTo>
                <a:cubicBezTo>
                  <a:pt x="6892" y="2438"/>
                  <a:pt x="7031" y="2522"/>
                  <a:pt x="7171" y="2522"/>
                </a:cubicBezTo>
                <a:cubicBezTo>
                  <a:pt x="7254" y="2522"/>
                  <a:pt x="7338" y="2494"/>
                  <a:pt x="7422" y="2438"/>
                </a:cubicBezTo>
                <a:cubicBezTo>
                  <a:pt x="7617" y="2327"/>
                  <a:pt x="7673" y="2048"/>
                  <a:pt x="7533" y="1852"/>
                </a:cubicBezTo>
                <a:cubicBezTo>
                  <a:pt x="7394" y="1629"/>
                  <a:pt x="7254" y="1434"/>
                  <a:pt x="7059" y="1239"/>
                </a:cubicBezTo>
                <a:cubicBezTo>
                  <a:pt x="6975" y="1155"/>
                  <a:pt x="6871" y="1113"/>
                  <a:pt x="6766" y="1113"/>
                </a:cubicBezTo>
                <a:close/>
                <a:moveTo>
                  <a:pt x="612" y="2508"/>
                </a:moveTo>
                <a:cubicBezTo>
                  <a:pt x="430" y="2508"/>
                  <a:pt x="265" y="2616"/>
                  <a:pt x="196" y="2801"/>
                </a:cubicBezTo>
                <a:cubicBezTo>
                  <a:pt x="112" y="3052"/>
                  <a:pt x="56" y="3303"/>
                  <a:pt x="28" y="3554"/>
                </a:cubicBezTo>
                <a:cubicBezTo>
                  <a:pt x="1" y="3805"/>
                  <a:pt x="168" y="4001"/>
                  <a:pt x="419" y="4028"/>
                </a:cubicBezTo>
                <a:lnTo>
                  <a:pt x="447" y="4028"/>
                </a:lnTo>
                <a:cubicBezTo>
                  <a:pt x="670" y="4028"/>
                  <a:pt x="865" y="3889"/>
                  <a:pt x="893" y="3666"/>
                </a:cubicBezTo>
                <a:cubicBezTo>
                  <a:pt x="893" y="3470"/>
                  <a:pt x="949" y="3247"/>
                  <a:pt x="1005" y="3080"/>
                </a:cubicBezTo>
                <a:cubicBezTo>
                  <a:pt x="1089" y="2857"/>
                  <a:pt x="949" y="2606"/>
                  <a:pt x="726" y="2522"/>
                </a:cubicBezTo>
                <a:cubicBezTo>
                  <a:pt x="688" y="2512"/>
                  <a:pt x="649" y="2508"/>
                  <a:pt x="612" y="2508"/>
                </a:cubicBezTo>
                <a:close/>
                <a:moveTo>
                  <a:pt x="7674" y="2937"/>
                </a:moveTo>
                <a:cubicBezTo>
                  <a:pt x="7655" y="2937"/>
                  <a:pt x="7636" y="2938"/>
                  <a:pt x="7617" y="2940"/>
                </a:cubicBezTo>
                <a:cubicBezTo>
                  <a:pt x="7366" y="2996"/>
                  <a:pt x="7226" y="3219"/>
                  <a:pt x="7254" y="3443"/>
                </a:cubicBezTo>
                <a:cubicBezTo>
                  <a:pt x="7310" y="3638"/>
                  <a:pt x="7338" y="3861"/>
                  <a:pt x="7338" y="4056"/>
                </a:cubicBezTo>
                <a:cubicBezTo>
                  <a:pt x="7310" y="4112"/>
                  <a:pt x="7310" y="4168"/>
                  <a:pt x="7310" y="4224"/>
                </a:cubicBezTo>
                <a:cubicBezTo>
                  <a:pt x="7310" y="4447"/>
                  <a:pt x="7477" y="4642"/>
                  <a:pt x="7729" y="4670"/>
                </a:cubicBezTo>
                <a:lnTo>
                  <a:pt x="7756" y="4670"/>
                </a:lnTo>
                <a:cubicBezTo>
                  <a:pt x="7980" y="4670"/>
                  <a:pt x="8147" y="4475"/>
                  <a:pt x="8175" y="4252"/>
                </a:cubicBezTo>
                <a:cubicBezTo>
                  <a:pt x="8175" y="4196"/>
                  <a:pt x="8175" y="4112"/>
                  <a:pt x="8175" y="4056"/>
                </a:cubicBezTo>
                <a:cubicBezTo>
                  <a:pt x="8175" y="3805"/>
                  <a:pt x="8147" y="3526"/>
                  <a:pt x="8091" y="3275"/>
                </a:cubicBezTo>
                <a:cubicBezTo>
                  <a:pt x="8066" y="3071"/>
                  <a:pt x="7877" y="2937"/>
                  <a:pt x="7674" y="2937"/>
                </a:cubicBezTo>
                <a:close/>
                <a:moveTo>
                  <a:pt x="546" y="4546"/>
                </a:moveTo>
                <a:cubicBezTo>
                  <a:pt x="514" y="4546"/>
                  <a:pt x="480" y="4550"/>
                  <a:pt x="447" y="4559"/>
                </a:cubicBezTo>
                <a:cubicBezTo>
                  <a:pt x="224" y="4642"/>
                  <a:pt x="84" y="4865"/>
                  <a:pt x="140" y="5089"/>
                </a:cubicBezTo>
                <a:cubicBezTo>
                  <a:pt x="196" y="5340"/>
                  <a:pt x="307" y="5591"/>
                  <a:pt x="419" y="5814"/>
                </a:cubicBezTo>
                <a:cubicBezTo>
                  <a:pt x="475" y="5981"/>
                  <a:pt x="642" y="6065"/>
                  <a:pt x="782" y="6065"/>
                </a:cubicBezTo>
                <a:cubicBezTo>
                  <a:pt x="865" y="6065"/>
                  <a:pt x="921" y="6037"/>
                  <a:pt x="977" y="6009"/>
                </a:cubicBezTo>
                <a:cubicBezTo>
                  <a:pt x="1200" y="5926"/>
                  <a:pt x="1284" y="5647"/>
                  <a:pt x="1172" y="5451"/>
                </a:cubicBezTo>
                <a:cubicBezTo>
                  <a:pt x="1089" y="5256"/>
                  <a:pt x="1005" y="5061"/>
                  <a:pt x="977" y="4865"/>
                </a:cubicBezTo>
                <a:cubicBezTo>
                  <a:pt x="906" y="4676"/>
                  <a:pt x="734" y="4546"/>
                  <a:pt x="546" y="4546"/>
                </a:cubicBezTo>
                <a:close/>
                <a:moveTo>
                  <a:pt x="7432" y="5140"/>
                </a:moveTo>
                <a:cubicBezTo>
                  <a:pt x="7275" y="5140"/>
                  <a:pt x="7114" y="5229"/>
                  <a:pt x="7031" y="5395"/>
                </a:cubicBezTo>
                <a:cubicBezTo>
                  <a:pt x="6947" y="5591"/>
                  <a:pt x="6836" y="5758"/>
                  <a:pt x="6724" y="5926"/>
                </a:cubicBezTo>
                <a:cubicBezTo>
                  <a:pt x="6585" y="6121"/>
                  <a:pt x="6641" y="6372"/>
                  <a:pt x="6836" y="6511"/>
                </a:cubicBezTo>
                <a:cubicBezTo>
                  <a:pt x="6892" y="6567"/>
                  <a:pt x="6975" y="6595"/>
                  <a:pt x="7087" y="6595"/>
                </a:cubicBezTo>
                <a:cubicBezTo>
                  <a:pt x="7198" y="6595"/>
                  <a:pt x="7338" y="6539"/>
                  <a:pt x="7422" y="6428"/>
                </a:cubicBezTo>
                <a:cubicBezTo>
                  <a:pt x="7561" y="6205"/>
                  <a:pt x="7701" y="5981"/>
                  <a:pt x="7812" y="5758"/>
                </a:cubicBezTo>
                <a:cubicBezTo>
                  <a:pt x="7896" y="5535"/>
                  <a:pt x="7812" y="5284"/>
                  <a:pt x="7589" y="5172"/>
                </a:cubicBezTo>
                <a:cubicBezTo>
                  <a:pt x="7539" y="5151"/>
                  <a:pt x="7486" y="5140"/>
                  <a:pt x="7432" y="5140"/>
                </a:cubicBezTo>
                <a:close/>
                <a:moveTo>
                  <a:pt x="1604" y="6305"/>
                </a:moveTo>
                <a:cubicBezTo>
                  <a:pt x="1488" y="6305"/>
                  <a:pt x="1371" y="6354"/>
                  <a:pt x="1284" y="6456"/>
                </a:cubicBezTo>
                <a:cubicBezTo>
                  <a:pt x="1144" y="6623"/>
                  <a:pt x="1144" y="6902"/>
                  <a:pt x="1312" y="7042"/>
                </a:cubicBezTo>
                <a:cubicBezTo>
                  <a:pt x="1507" y="7237"/>
                  <a:pt x="1702" y="7376"/>
                  <a:pt x="1926" y="7516"/>
                </a:cubicBezTo>
                <a:cubicBezTo>
                  <a:pt x="2009" y="7572"/>
                  <a:pt x="2065" y="7572"/>
                  <a:pt x="2149" y="7572"/>
                </a:cubicBezTo>
                <a:cubicBezTo>
                  <a:pt x="2288" y="7572"/>
                  <a:pt x="2428" y="7516"/>
                  <a:pt x="2511" y="7376"/>
                </a:cubicBezTo>
                <a:cubicBezTo>
                  <a:pt x="2651" y="7181"/>
                  <a:pt x="2567" y="6930"/>
                  <a:pt x="2372" y="6790"/>
                </a:cubicBezTo>
                <a:cubicBezTo>
                  <a:pt x="2205" y="6679"/>
                  <a:pt x="2037" y="6567"/>
                  <a:pt x="1898" y="6428"/>
                </a:cubicBezTo>
                <a:cubicBezTo>
                  <a:pt x="1817" y="6347"/>
                  <a:pt x="1711" y="6305"/>
                  <a:pt x="1604" y="6305"/>
                </a:cubicBezTo>
                <a:close/>
                <a:moveTo>
                  <a:pt x="6088" y="6686"/>
                </a:moveTo>
                <a:cubicBezTo>
                  <a:pt x="6010" y="6686"/>
                  <a:pt x="5931" y="6711"/>
                  <a:pt x="5859" y="6763"/>
                </a:cubicBezTo>
                <a:cubicBezTo>
                  <a:pt x="5692" y="6874"/>
                  <a:pt x="5497" y="6958"/>
                  <a:pt x="5301" y="7042"/>
                </a:cubicBezTo>
                <a:cubicBezTo>
                  <a:pt x="5106" y="7125"/>
                  <a:pt x="4994" y="7376"/>
                  <a:pt x="5078" y="7600"/>
                </a:cubicBezTo>
                <a:cubicBezTo>
                  <a:pt x="5134" y="7767"/>
                  <a:pt x="5301" y="7879"/>
                  <a:pt x="5469" y="7879"/>
                </a:cubicBezTo>
                <a:cubicBezTo>
                  <a:pt x="5525" y="7879"/>
                  <a:pt x="5580" y="7851"/>
                  <a:pt x="5636" y="7823"/>
                </a:cubicBezTo>
                <a:cubicBezTo>
                  <a:pt x="5859" y="7739"/>
                  <a:pt x="6110" y="7627"/>
                  <a:pt x="6306" y="7488"/>
                </a:cubicBezTo>
                <a:cubicBezTo>
                  <a:pt x="6501" y="7348"/>
                  <a:pt x="6557" y="7097"/>
                  <a:pt x="6445" y="6902"/>
                </a:cubicBezTo>
                <a:cubicBezTo>
                  <a:pt x="6357" y="6761"/>
                  <a:pt x="6224" y="6686"/>
                  <a:pt x="6088" y="6686"/>
                </a:cubicBezTo>
                <a:close/>
                <a:moveTo>
                  <a:pt x="3428" y="7226"/>
                </a:moveTo>
                <a:cubicBezTo>
                  <a:pt x="3237" y="7226"/>
                  <a:pt x="3062" y="7378"/>
                  <a:pt x="3014" y="7572"/>
                </a:cubicBezTo>
                <a:cubicBezTo>
                  <a:pt x="2986" y="7795"/>
                  <a:pt x="3125" y="8018"/>
                  <a:pt x="3348" y="8074"/>
                </a:cubicBezTo>
                <a:cubicBezTo>
                  <a:pt x="3600" y="8102"/>
                  <a:pt x="3851" y="8130"/>
                  <a:pt x="4130" y="8130"/>
                </a:cubicBezTo>
                <a:cubicBezTo>
                  <a:pt x="4353" y="8130"/>
                  <a:pt x="4520" y="7934"/>
                  <a:pt x="4520" y="7711"/>
                </a:cubicBezTo>
                <a:cubicBezTo>
                  <a:pt x="4520" y="7488"/>
                  <a:pt x="4325" y="7293"/>
                  <a:pt x="4102" y="7293"/>
                </a:cubicBezTo>
                <a:cubicBezTo>
                  <a:pt x="3906" y="7293"/>
                  <a:pt x="3711" y="7265"/>
                  <a:pt x="3516" y="7237"/>
                </a:cubicBezTo>
                <a:cubicBezTo>
                  <a:pt x="3486" y="7229"/>
                  <a:pt x="3457" y="7226"/>
                  <a:pt x="3428" y="7226"/>
                </a:cubicBezTo>
                <a:close/>
              </a:path>
            </a:pathLst>
          </a:custGeom>
          <a:solidFill>
            <a:schemeClr val="dk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  <p:grpSp>
        <p:nvGrpSpPr>
          <p:cNvPr id="13" name="Google Shape;13;p2"/>
          <p:cNvGrpSpPr/>
          <p:nvPr/>
        </p:nvGrpSpPr>
        <p:grpSpPr>
          <a:xfrm>
            <a:off x="8337194" y="2134994"/>
            <a:ext cx="187415" cy="449030"/>
            <a:chOff x="6425819" y="2473772"/>
            <a:chExt cx="187414" cy="449030"/>
          </a:xfrm>
        </p:grpSpPr>
        <p:sp>
          <p:nvSpPr>
            <p:cNvPr id="14" name="Google Shape;14;p2"/>
            <p:cNvSpPr/>
            <p:nvPr/>
          </p:nvSpPr>
          <p:spPr>
            <a:xfrm>
              <a:off x="6507337" y="2484091"/>
              <a:ext cx="105897" cy="438711"/>
            </a:xfrm>
            <a:custGeom>
              <a:avLst/>
              <a:gdLst/>
              <a:ahLst/>
              <a:cxnLst/>
              <a:rect l="l" t="t" r="r" b="b"/>
              <a:pathLst>
                <a:path w="3879" h="16070" extrusionOk="0">
                  <a:moveTo>
                    <a:pt x="419" y="0"/>
                  </a:moveTo>
                  <a:cubicBezTo>
                    <a:pt x="168" y="0"/>
                    <a:pt x="0" y="195"/>
                    <a:pt x="0" y="419"/>
                  </a:cubicBezTo>
                  <a:lnTo>
                    <a:pt x="0" y="1116"/>
                  </a:lnTo>
                  <a:cubicBezTo>
                    <a:pt x="0" y="1367"/>
                    <a:pt x="168" y="1562"/>
                    <a:pt x="419" y="1562"/>
                  </a:cubicBezTo>
                  <a:cubicBezTo>
                    <a:pt x="530" y="1562"/>
                    <a:pt x="642" y="1507"/>
                    <a:pt x="726" y="1423"/>
                  </a:cubicBezTo>
                  <a:lnTo>
                    <a:pt x="921" y="1730"/>
                  </a:lnTo>
                  <a:cubicBezTo>
                    <a:pt x="977" y="1841"/>
                    <a:pt x="1144" y="1925"/>
                    <a:pt x="1283" y="1925"/>
                  </a:cubicBezTo>
                  <a:cubicBezTo>
                    <a:pt x="1339" y="1925"/>
                    <a:pt x="1423" y="1897"/>
                    <a:pt x="1507" y="1869"/>
                  </a:cubicBezTo>
                  <a:cubicBezTo>
                    <a:pt x="1702" y="1758"/>
                    <a:pt x="1758" y="1479"/>
                    <a:pt x="1646" y="1283"/>
                  </a:cubicBezTo>
                  <a:lnTo>
                    <a:pt x="1283" y="698"/>
                  </a:lnTo>
                  <a:cubicBezTo>
                    <a:pt x="1217" y="565"/>
                    <a:pt x="1081" y="485"/>
                    <a:pt x="944" y="485"/>
                  </a:cubicBezTo>
                  <a:cubicBezTo>
                    <a:pt x="908" y="485"/>
                    <a:pt x="872" y="491"/>
                    <a:pt x="837" y="502"/>
                  </a:cubicBezTo>
                  <a:lnTo>
                    <a:pt x="837" y="419"/>
                  </a:lnTo>
                  <a:cubicBezTo>
                    <a:pt x="837" y="195"/>
                    <a:pt x="642" y="0"/>
                    <a:pt x="419" y="0"/>
                  </a:cubicBezTo>
                  <a:close/>
                  <a:moveTo>
                    <a:pt x="419" y="2093"/>
                  </a:moveTo>
                  <a:cubicBezTo>
                    <a:pt x="168" y="2093"/>
                    <a:pt x="0" y="2260"/>
                    <a:pt x="0" y="2511"/>
                  </a:cubicBezTo>
                  <a:lnTo>
                    <a:pt x="0" y="3209"/>
                  </a:lnTo>
                  <a:cubicBezTo>
                    <a:pt x="0" y="3432"/>
                    <a:pt x="168" y="3627"/>
                    <a:pt x="419" y="3627"/>
                  </a:cubicBezTo>
                  <a:cubicBezTo>
                    <a:pt x="642" y="3627"/>
                    <a:pt x="837" y="3432"/>
                    <a:pt x="837" y="3209"/>
                  </a:cubicBezTo>
                  <a:lnTo>
                    <a:pt x="837" y="2511"/>
                  </a:lnTo>
                  <a:cubicBezTo>
                    <a:pt x="837" y="2260"/>
                    <a:pt x="642" y="2093"/>
                    <a:pt x="419" y="2093"/>
                  </a:cubicBezTo>
                  <a:close/>
                  <a:moveTo>
                    <a:pt x="1972" y="2260"/>
                  </a:moveTo>
                  <a:cubicBezTo>
                    <a:pt x="1897" y="2260"/>
                    <a:pt x="1823" y="2279"/>
                    <a:pt x="1758" y="2316"/>
                  </a:cubicBezTo>
                  <a:cubicBezTo>
                    <a:pt x="1562" y="2455"/>
                    <a:pt x="1507" y="2706"/>
                    <a:pt x="1618" y="2902"/>
                  </a:cubicBezTo>
                  <a:lnTo>
                    <a:pt x="1953" y="3515"/>
                  </a:lnTo>
                  <a:cubicBezTo>
                    <a:pt x="2037" y="3627"/>
                    <a:pt x="2176" y="3711"/>
                    <a:pt x="2344" y="3711"/>
                  </a:cubicBezTo>
                  <a:cubicBezTo>
                    <a:pt x="2399" y="3711"/>
                    <a:pt x="2483" y="3683"/>
                    <a:pt x="2539" y="3655"/>
                  </a:cubicBezTo>
                  <a:cubicBezTo>
                    <a:pt x="2762" y="3543"/>
                    <a:pt x="2818" y="3264"/>
                    <a:pt x="2706" y="3069"/>
                  </a:cubicBezTo>
                  <a:lnTo>
                    <a:pt x="2344" y="2483"/>
                  </a:lnTo>
                  <a:cubicBezTo>
                    <a:pt x="2269" y="2334"/>
                    <a:pt x="2120" y="2260"/>
                    <a:pt x="1972" y="2260"/>
                  </a:cubicBezTo>
                  <a:close/>
                  <a:moveTo>
                    <a:pt x="3032" y="4045"/>
                  </a:moveTo>
                  <a:cubicBezTo>
                    <a:pt x="2957" y="4045"/>
                    <a:pt x="2883" y="4064"/>
                    <a:pt x="2818" y="4101"/>
                  </a:cubicBezTo>
                  <a:cubicBezTo>
                    <a:pt x="2623" y="4241"/>
                    <a:pt x="2539" y="4492"/>
                    <a:pt x="2678" y="4687"/>
                  </a:cubicBezTo>
                  <a:lnTo>
                    <a:pt x="3013" y="5273"/>
                  </a:lnTo>
                  <a:cubicBezTo>
                    <a:pt x="3097" y="5413"/>
                    <a:pt x="3236" y="5496"/>
                    <a:pt x="3404" y="5496"/>
                  </a:cubicBezTo>
                  <a:cubicBezTo>
                    <a:pt x="3460" y="5496"/>
                    <a:pt x="3543" y="5468"/>
                    <a:pt x="3599" y="5440"/>
                  </a:cubicBezTo>
                  <a:cubicBezTo>
                    <a:pt x="3822" y="5329"/>
                    <a:pt x="3878" y="5050"/>
                    <a:pt x="3767" y="4855"/>
                  </a:cubicBezTo>
                  <a:lnTo>
                    <a:pt x="3404" y="4269"/>
                  </a:lnTo>
                  <a:cubicBezTo>
                    <a:pt x="3329" y="4120"/>
                    <a:pt x="3181" y="4045"/>
                    <a:pt x="3032" y="4045"/>
                  </a:cubicBezTo>
                  <a:close/>
                  <a:moveTo>
                    <a:pt x="419" y="4157"/>
                  </a:moveTo>
                  <a:cubicBezTo>
                    <a:pt x="168" y="4157"/>
                    <a:pt x="0" y="4352"/>
                    <a:pt x="0" y="4576"/>
                  </a:cubicBezTo>
                  <a:lnTo>
                    <a:pt x="0" y="5273"/>
                  </a:lnTo>
                  <a:cubicBezTo>
                    <a:pt x="0" y="5496"/>
                    <a:pt x="168" y="5692"/>
                    <a:pt x="419" y="5692"/>
                  </a:cubicBezTo>
                  <a:cubicBezTo>
                    <a:pt x="642" y="5692"/>
                    <a:pt x="837" y="5496"/>
                    <a:pt x="837" y="5273"/>
                  </a:cubicBezTo>
                  <a:lnTo>
                    <a:pt x="837" y="4576"/>
                  </a:lnTo>
                  <a:cubicBezTo>
                    <a:pt x="837" y="4352"/>
                    <a:pt x="642" y="4157"/>
                    <a:pt x="419" y="4157"/>
                  </a:cubicBezTo>
                  <a:close/>
                  <a:moveTo>
                    <a:pt x="419" y="6222"/>
                  </a:moveTo>
                  <a:cubicBezTo>
                    <a:pt x="168" y="6222"/>
                    <a:pt x="0" y="6417"/>
                    <a:pt x="0" y="6640"/>
                  </a:cubicBezTo>
                  <a:lnTo>
                    <a:pt x="0" y="7338"/>
                  </a:lnTo>
                  <a:cubicBezTo>
                    <a:pt x="0" y="7589"/>
                    <a:pt x="168" y="7784"/>
                    <a:pt x="419" y="7784"/>
                  </a:cubicBezTo>
                  <a:cubicBezTo>
                    <a:pt x="642" y="7784"/>
                    <a:pt x="837" y="7589"/>
                    <a:pt x="837" y="7338"/>
                  </a:cubicBezTo>
                  <a:lnTo>
                    <a:pt x="837" y="6640"/>
                  </a:lnTo>
                  <a:cubicBezTo>
                    <a:pt x="837" y="6417"/>
                    <a:pt x="642" y="6222"/>
                    <a:pt x="419" y="6222"/>
                  </a:cubicBezTo>
                  <a:close/>
                  <a:moveTo>
                    <a:pt x="419" y="8314"/>
                  </a:moveTo>
                  <a:cubicBezTo>
                    <a:pt x="168" y="8314"/>
                    <a:pt x="0" y="8481"/>
                    <a:pt x="0" y="8733"/>
                  </a:cubicBezTo>
                  <a:lnTo>
                    <a:pt x="0" y="9430"/>
                  </a:lnTo>
                  <a:cubicBezTo>
                    <a:pt x="0" y="9653"/>
                    <a:pt x="168" y="9848"/>
                    <a:pt x="419" y="9848"/>
                  </a:cubicBezTo>
                  <a:cubicBezTo>
                    <a:pt x="642" y="9848"/>
                    <a:pt x="837" y="9653"/>
                    <a:pt x="837" y="9430"/>
                  </a:cubicBezTo>
                  <a:lnTo>
                    <a:pt x="837" y="8733"/>
                  </a:lnTo>
                  <a:cubicBezTo>
                    <a:pt x="837" y="8481"/>
                    <a:pt x="642" y="8314"/>
                    <a:pt x="419" y="8314"/>
                  </a:cubicBezTo>
                  <a:close/>
                  <a:moveTo>
                    <a:pt x="419" y="10379"/>
                  </a:moveTo>
                  <a:cubicBezTo>
                    <a:pt x="168" y="10379"/>
                    <a:pt x="0" y="10574"/>
                    <a:pt x="0" y="10797"/>
                  </a:cubicBezTo>
                  <a:lnTo>
                    <a:pt x="0" y="11495"/>
                  </a:lnTo>
                  <a:cubicBezTo>
                    <a:pt x="0" y="11718"/>
                    <a:pt x="168" y="11913"/>
                    <a:pt x="419" y="11913"/>
                  </a:cubicBezTo>
                  <a:cubicBezTo>
                    <a:pt x="642" y="11913"/>
                    <a:pt x="837" y="11718"/>
                    <a:pt x="837" y="11495"/>
                  </a:cubicBezTo>
                  <a:lnTo>
                    <a:pt x="837" y="10797"/>
                  </a:lnTo>
                  <a:cubicBezTo>
                    <a:pt x="837" y="10574"/>
                    <a:pt x="642" y="10379"/>
                    <a:pt x="419" y="10379"/>
                  </a:cubicBezTo>
                  <a:close/>
                  <a:moveTo>
                    <a:pt x="419" y="12443"/>
                  </a:moveTo>
                  <a:cubicBezTo>
                    <a:pt x="168" y="12443"/>
                    <a:pt x="0" y="12638"/>
                    <a:pt x="0" y="12862"/>
                  </a:cubicBezTo>
                  <a:lnTo>
                    <a:pt x="0" y="13559"/>
                  </a:lnTo>
                  <a:cubicBezTo>
                    <a:pt x="0" y="13810"/>
                    <a:pt x="168" y="14005"/>
                    <a:pt x="419" y="14005"/>
                  </a:cubicBezTo>
                  <a:cubicBezTo>
                    <a:pt x="642" y="14005"/>
                    <a:pt x="837" y="13810"/>
                    <a:pt x="837" y="13559"/>
                  </a:cubicBezTo>
                  <a:lnTo>
                    <a:pt x="837" y="12862"/>
                  </a:lnTo>
                  <a:cubicBezTo>
                    <a:pt x="837" y="12638"/>
                    <a:pt x="642" y="12443"/>
                    <a:pt x="419" y="12443"/>
                  </a:cubicBezTo>
                  <a:close/>
                  <a:moveTo>
                    <a:pt x="419" y="14536"/>
                  </a:moveTo>
                  <a:cubicBezTo>
                    <a:pt x="168" y="14536"/>
                    <a:pt x="0" y="14703"/>
                    <a:pt x="0" y="14954"/>
                  </a:cubicBezTo>
                  <a:lnTo>
                    <a:pt x="0" y="15651"/>
                  </a:lnTo>
                  <a:cubicBezTo>
                    <a:pt x="0" y="15875"/>
                    <a:pt x="168" y="16070"/>
                    <a:pt x="419" y="16070"/>
                  </a:cubicBezTo>
                  <a:cubicBezTo>
                    <a:pt x="642" y="16070"/>
                    <a:pt x="837" y="15875"/>
                    <a:pt x="837" y="15651"/>
                  </a:cubicBezTo>
                  <a:lnTo>
                    <a:pt x="837" y="14954"/>
                  </a:lnTo>
                  <a:cubicBezTo>
                    <a:pt x="837" y="14703"/>
                    <a:pt x="642" y="14536"/>
                    <a:pt x="419" y="14536"/>
                  </a:cubicBezTo>
                  <a:close/>
                </a:path>
              </a:pathLst>
            </a:custGeom>
            <a:solidFill>
              <a:schemeClr val="dk1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dirty="0"/>
            </a:p>
          </p:txBody>
        </p:sp>
        <p:sp>
          <p:nvSpPr>
            <p:cNvPr id="15" name="Google Shape;15;p2"/>
            <p:cNvSpPr/>
            <p:nvPr/>
          </p:nvSpPr>
          <p:spPr>
            <a:xfrm>
              <a:off x="6425819" y="2473772"/>
              <a:ext cx="105897" cy="129156"/>
            </a:xfrm>
            <a:custGeom>
              <a:avLst/>
              <a:gdLst/>
              <a:ahLst/>
              <a:cxnLst/>
              <a:rect l="l" t="t" r="r" b="b"/>
              <a:pathLst>
                <a:path w="3879" h="4731" extrusionOk="0">
                  <a:moveTo>
                    <a:pt x="3402" y="0"/>
                  </a:moveTo>
                  <a:cubicBezTo>
                    <a:pt x="3275" y="0"/>
                    <a:pt x="3153" y="67"/>
                    <a:pt x="3070" y="183"/>
                  </a:cubicBezTo>
                  <a:lnTo>
                    <a:pt x="2651" y="713"/>
                  </a:lnTo>
                  <a:cubicBezTo>
                    <a:pt x="2512" y="908"/>
                    <a:pt x="2540" y="1187"/>
                    <a:pt x="2735" y="1327"/>
                  </a:cubicBezTo>
                  <a:cubicBezTo>
                    <a:pt x="2791" y="1382"/>
                    <a:pt x="2902" y="1410"/>
                    <a:pt x="2986" y="1410"/>
                  </a:cubicBezTo>
                  <a:cubicBezTo>
                    <a:pt x="3126" y="1410"/>
                    <a:pt x="3237" y="1355"/>
                    <a:pt x="3321" y="1243"/>
                  </a:cubicBezTo>
                  <a:lnTo>
                    <a:pt x="3739" y="685"/>
                  </a:lnTo>
                  <a:cubicBezTo>
                    <a:pt x="3879" y="490"/>
                    <a:pt x="3851" y="239"/>
                    <a:pt x="3656" y="99"/>
                  </a:cubicBezTo>
                  <a:cubicBezTo>
                    <a:pt x="3576" y="31"/>
                    <a:pt x="3488" y="0"/>
                    <a:pt x="3402" y="0"/>
                  </a:cubicBezTo>
                  <a:close/>
                  <a:moveTo>
                    <a:pt x="2151" y="1658"/>
                  </a:moveTo>
                  <a:cubicBezTo>
                    <a:pt x="2025" y="1658"/>
                    <a:pt x="1896" y="1715"/>
                    <a:pt x="1814" y="1829"/>
                  </a:cubicBezTo>
                  <a:lnTo>
                    <a:pt x="1396" y="2387"/>
                  </a:lnTo>
                  <a:cubicBezTo>
                    <a:pt x="1256" y="2582"/>
                    <a:pt x="1284" y="2833"/>
                    <a:pt x="1480" y="2973"/>
                  </a:cubicBezTo>
                  <a:cubicBezTo>
                    <a:pt x="1563" y="3029"/>
                    <a:pt x="1647" y="3056"/>
                    <a:pt x="1731" y="3056"/>
                  </a:cubicBezTo>
                  <a:cubicBezTo>
                    <a:pt x="1870" y="3056"/>
                    <a:pt x="1982" y="3001"/>
                    <a:pt x="2065" y="2889"/>
                  </a:cubicBezTo>
                  <a:lnTo>
                    <a:pt x="2484" y="2331"/>
                  </a:lnTo>
                  <a:cubicBezTo>
                    <a:pt x="2623" y="2164"/>
                    <a:pt x="2596" y="1885"/>
                    <a:pt x="2400" y="1745"/>
                  </a:cubicBezTo>
                  <a:cubicBezTo>
                    <a:pt x="2331" y="1687"/>
                    <a:pt x="2241" y="1658"/>
                    <a:pt x="2151" y="1658"/>
                  </a:cubicBezTo>
                  <a:close/>
                  <a:moveTo>
                    <a:pt x="919" y="3312"/>
                  </a:moveTo>
                  <a:cubicBezTo>
                    <a:pt x="781" y="3312"/>
                    <a:pt x="644" y="3373"/>
                    <a:pt x="559" y="3475"/>
                  </a:cubicBezTo>
                  <a:lnTo>
                    <a:pt x="140" y="4033"/>
                  </a:lnTo>
                  <a:cubicBezTo>
                    <a:pt x="1" y="4228"/>
                    <a:pt x="57" y="4507"/>
                    <a:pt x="224" y="4647"/>
                  </a:cubicBezTo>
                  <a:cubicBezTo>
                    <a:pt x="308" y="4702"/>
                    <a:pt x="392" y="4730"/>
                    <a:pt x="503" y="4730"/>
                  </a:cubicBezTo>
                  <a:cubicBezTo>
                    <a:pt x="615" y="4730"/>
                    <a:pt x="754" y="4675"/>
                    <a:pt x="838" y="4563"/>
                  </a:cubicBezTo>
                  <a:lnTo>
                    <a:pt x="1256" y="4005"/>
                  </a:lnTo>
                  <a:cubicBezTo>
                    <a:pt x="1396" y="3810"/>
                    <a:pt x="1340" y="3531"/>
                    <a:pt x="1173" y="3391"/>
                  </a:cubicBezTo>
                  <a:cubicBezTo>
                    <a:pt x="1097" y="3337"/>
                    <a:pt x="1008" y="3312"/>
                    <a:pt x="919" y="3312"/>
                  </a:cubicBezTo>
                  <a:close/>
                </a:path>
              </a:pathLst>
            </a:custGeom>
            <a:solidFill>
              <a:schemeClr val="dk1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dirty="0"/>
            </a:p>
          </p:txBody>
        </p:sp>
      </p:grpSp>
      <p:sp>
        <p:nvSpPr>
          <p:cNvPr id="16" name="Google Shape;16;p2"/>
          <p:cNvSpPr/>
          <p:nvPr/>
        </p:nvSpPr>
        <p:spPr>
          <a:xfrm>
            <a:off x="220294" y="3510545"/>
            <a:ext cx="316107" cy="316107"/>
          </a:xfrm>
          <a:custGeom>
            <a:avLst/>
            <a:gdLst/>
            <a:ahLst/>
            <a:cxnLst/>
            <a:rect l="l" t="t" r="r" b="b"/>
            <a:pathLst>
              <a:path w="11579" h="11579" extrusionOk="0">
                <a:moveTo>
                  <a:pt x="5775" y="0"/>
                </a:moveTo>
                <a:cubicBezTo>
                  <a:pt x="2595" y="0"/>
                  <a:pt x="0" y="2595"/>
                  <a:pt x="0" y="5776"/>
                </a:cubicBezTo>
                <a:cubicBezTo>
                  <a:pt x="0" y="8984"/>
                  <a:pt x="2595" y="11579"/>
                  <a:pt x="5775" y="11579"/>
                </a:cubicBezTo>
                <a:cubicBezTo>
                  <a:pt x="8984" y="11579"/>
                  <a:pt x="11578" y="8984"/>
                  <a:pt x="11578" y="5776"/>
                </a:cubicBezTo>
                <a:cubicBezTo>
                  <a:pt x="11578" y="2595"/>
                  <a:pt x="8984" y="0"/>
                  <a:pt x="5775" y="0"/>
                </a:cubicBezTo>
                <a:close/>
              </a:path>
            </a:pathLst>
          </a:custGeom>
          <a:solidFill>
            <a:schemeClr val="lt2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  <p:sp>
        <p:nvSpPr>
          <p:cNvPr id="17" name="Google Shape;17;p2"/>
          <p:cNvSpPr/>
          <p:nvPr/>
        </p:nvSpPr>
        <p:spPr>
          <a:xfrm>
            <a:off x="244673" y="3411446"/>
            <a:ext cx="263554" cy="262872"/>
          </a:xfrm>
          <a:custGeom>
            <a:avLst/>
            <a:gdLst/>
            <a:ahLst/>
            <a:cxnLst/>
            <a:rect l="l" t="t" r="r" b="b"/>
            <a:pathLst>
              <a:path w="9654" h="9629" extrusionOk="0">
                <a:moveTo>
                  <a:pt x="4150" y="0"/>
                </a:moveTo>
                <a:cubicBezTo>
                  <a:pt x="4134" y="0"/>
                  <a:pt x="4118" y="1"/>
                  <a:pt x="4101" y="4"/>
                </a:cubicBezTo>
                <a:cubicBezTo>
                  <a:pt x="3850" y="59"/>
                  <a:pt x="3599" y="115"/>
                  <a:pt x="3348" y="171"/>
                </a:cubicBezTo>
                <a:cubicBezTo>
                  <a:pt x="3125" y="255"/>
                  <a:pt x="3013" y="478"/>
                  <a:pt x="3069" y="729"/>
                </a:cubicBezTo>
                <a:cubicBezTo>
                  <a:pt x="3125" y="896"/>
                  <a:pt x="3292" y="1008"/>
                  <a:pt x="3487" y="1008"/>
                </a:cubicBezTo>
                <a:cubicBezTo>
                  <a:pt x="3515" y="1008"/>
                  <a:pt x="3571" y="1008"/>
                  <a:pt x="3599" y="980"/>
                </a:cubicBezTo>
                <a:cubicBezTo>
                  <a:pt x="3794" y="924"/>
                  <a:pt x="4018" y="868"/>
                  <a:pt x="4213" y="840"/>
                </a:cubicBezTo>
                <a:cubicBezTo>
                  <a:pt x="4436" y="813"/>
                  <a:pt x="4603" y="589"/>
                  <a:pt x="4576" y="366"/>
                </a:cubicBezTo>
                <a:cubicBezTo>
                  <a:pt x="4550" y="159"/>
                  <a:pt x="4356" y="0"/>
                  <a:pt x="4150" y="0"/>
                </a:cubicBezTo>
                <a:close/>
                <a:moveTo>
                  <a:pt x="5553" y="0"/>
                </a:moveTo>
                <a:cubicBezTo>
                  <a:pt x="5325" y="0"/>
                  <a:pt x="5131" y="159"/>
                  <a:pt x="5106" y="366"/>
                </a:cubicBezTo>
                <a:cubicBezTo>
                  <a:pt x="5078" y="589"/>
                  <a:pt x="5217" y="813"/>
                  <a:pt x="5468" y="868"/>
                </a:cubicBezTo>
                <a:cubicBezTo>
                  <a:pt x="5664" y="896"/>
                  <a:pt x="5859" y="952"/>
                  <a:pt x="6054" y="1008"/>
                </a:cubicBezTo>
                <a:cubicBezTo>
                  <a:pt x="6110" y="1008"/>
                  <a:pt x="6166" y="1036"/>
                  <a:pt x="6194" y="1036"/>
                </a:cubicBezTo>
                <a:cubicBezTo>
                  <a:pt x="6389" y="1036"/>
                  <a:pt x="6556" y="924"/>
                  <a:pt x="6612" y="729"/>
                </a:cubicBezTo>
                <a:cubicBezTo>
                  <a:pt x="6668" y="506"/>
                  <a:pt x="6556" y="283"/>
                  <a:pt x="6333" y="199"/>
                </a:cubicBezTo>
                <a:cubicBezTo>
                  <a:pt x="6082" y="115"/>
                  <a:pt x="5859" y="59"/>
                  <a:pt x="5608" y="4"/>
                </a:cubicBezTo>
                <a:cubicBezTo>
                  <a:pt x="5589" y="1"/>
                  <a:pt x="5571" y="0"/>
                  <a:pt x="5553" y="0"/>
                </a:cubicBezTo>
                <a:close/>
                <a:moveTo>
                  <a:pt x="2270" y="781"/>
                </a:moveTo>
                <a:cubicBezTo>
                  <a:pt x="2181" y="781"/>
                  <a:pt x="2090" y="810"/>
                  <a:pt x="2009" y="868"/>
                </a:cubicBezTo>
                <a:cubicBezTo>
                  <a:pt x="1786" y="1008"/>
                  <a:pt x="1590" y="1175"/>
                  <a:pt x="1423" y="1343"/>
                </a:cubicBezTo>
                <a:cubicBezTo>
                  <a:pt x="1256" y="1510"/>
                  <a:pt x="1256" y="1789"/>
                  <a:pt x="1423" y="1956"/>
                </a:cubicBezTo>
                <a:cubicBezTo>
                  <a:pt x="1507" y="2040"/>
                  <a:pt x="1618" y="2068"/>
                  <a:pt x="1730" y="2068"/>
                </a:cubicBezTo>
                <a:cubicBezTo>
                  <a:pt x="1841" y="2068"/>
                  <a:pt x="1953" y="2040"/>
                  <a:pt x="2037" y="1956"/>
                </a:cubicBezTo>
                <a:cubicBezTo>
                  <a:pt x="2176" y="1817"/>
                  <a:pt x="2344" y="1677"/>
                  <a:pt x="2511" y="1538"/>
                </a:cubicBezTo>
                <a:cubicBezTo>
                  <a:pt x="2678" y="1426"/>
                  <a:pt x="2734" y="1147"/>
                  <a:pt x="2595" y="952"/>
                </a:cubicBezTo>
                <a:cubicBezTo>
                  <a:pt x="2513" y="838"/>
                  <a:pt x="2394" y="781"/>
                  <a:pt x="2270" y="781"/>
                </a:cubicBezTo>
                <a:close/>
                <a:moveTo>
                  <a:pt x="7411" y="809"/>
                </a:moveTo>
                <a:cubicBezTo>
                  <a:pt x="7287" y="809"/>
                  <a:pt x="7168" y="866"/>
                  <a:pt x="7086" y="980"/>
                </a:cubicBezTo>
                <a:cubicBezTo>
                  <a:pt x="6947" y="1175"/>
                  <a:pt x="6975" y="1426"/>
                  <a:pt x="7170" y="1566"/>
                </a:cubicBezTo>
                <a:cubicBezTo>
                  <a:pt x="7338" y="1705"/>
                  <a:pt x="7505" y="1845"/>
                  <a:pt x="7644" y="1984"/>
                </a:cubicBezTo>
                <a:cubicBezTo>
                  <a:pt x="7728" y="2068"/>
                  <a:pt x="7840" y="2096"/>
                  <a:pt x="7951" y="2096"/>
                </a:cubicBezTo>
                <a:cubicBezTo>
                  <a:pt x="8063" y="2096"/>
                  <a:pt x="8175" y="2068"/>
                  <a:pt x="8258" y="1984"/>
                </a:cubicBezTo>
                <a:cubicBezTo>
                  <a:pt x="8426" y="1817"/>
                  <a:pt x="8426" y="1538"/>
                  <a:pt x="8258" y="1371"/>
                </a:cubicBezTo>
                <a:cubicBezTo>
                  <a:pt x="8063" y="1203"/>
                  <a:pt x="7868" y="1036"/>
                  <a:pt x="7672" y="896"/>
                </a:cubicBezTo>
                <a:cubicBezTo>
                  <a:pt x="7591" y="838"/>
                  <a:pt x="7500" y="809"/>
                  <a:pt x="7411" y="809"/>
                </a:cubicBezTo>
                <a:close/>
                <a:moveTo>
                  <a:pt x="913" y="2326"/>
                </a:moveTo>
                <a:cubicBezTo>
                  <a:pt x="755" y="2326"/>
                  <a:pt x="608" y="2414"/>
                  <a:pt x="530" y="2570"/>
                </a:cubicBezTo>
                <a:cubicBezTo>
                  <a:pt x="419" y="2793"/>
                  <a:pt x="307" y="3017"/>
                  <a:pt x="223" y="3268"/>
                </a:cubicBezTo>
                <a:cubicBezTo>
                  <a:pt x="167" y="3491"/>
                  <a:pt x="279" y="3714"/>
                  <a:pt x="502" y="3798"/>
                </a:cubicBezTo>
                <a:cubicBezTo>
                  <a:pt x="558" y="3826"/>
                  <a:pt x="586" y="3826"/>
                  <a:pt x="642" y="3826"/>
                </a:cubicBezTo>
                <a:cubicBezTo>
                  <a:pt x="809" y="3826"/>
                  <a:pt x="977" y="3714"/>
                  <a:pt x="1032" y="3519"/>
                </a:cubicBezTo>
                <a:cubicBezTo>
                  <a:pt x="1116" y="3324"/>
                  <a:pt x="1200" y="3128"/>
                  <a:pt x="1283" y="2961"/>
                </a:cubicBezTo>
                <a:cubicBezTo>
                  <a:pt x="1395" y="2738"/>
                  <a:pt x="1311" y="2487"/>
                  <a:pt x="1116" y="2375"/>
                </a:cubicBezTo>
                <a:cubicBezTo>
                  <a:pt x="1049" y="2342"/>
                  <a:pt x="980" y="2326"/>
                  <a:pt x="913" y="2326"/>
                </a:cubicBezTo>
                <a:close/>
                <a:moveTo>
                  <a:pt x="8760" y="2381"/>
                </a:moveTo>
                <a:cubicBezTo>
                  <a:pt x="8692" y="2381"/>
                  <a:pt x="8625" y="2397"/>
                  <a:pt x="8565" y="2431"/>
                </a:cubicBezTo>
                <a:cubicBezTo>
                  <a:pt x="8342" y="2514"/>
                  <a:pt x="8258" y="2793"/>
                  <a:pt x="8370" y="2989"/>
                </a:cubicBezTo>
                <a:cubicBezTo>
                  <a:pt x="8453" y="3184"/>
                  <a:pt x="8537" y="3379"/>
                  <a:pt x="8621" y="3575"/>
                </a:cubicBezTo>
                <a:cubicBezTo>
                  <a:pt x="8677" y="3742"/>
                  <a:pt x="8844" y="3854"/>
                  <a:pt x="9011" y="3854"/>
                </a:cubicBezTo>
                <a:lnTo>
                  <a:pt x="9151" y="3854"/>
                </a:lnTo>
                <a:cubicBezTo>
                  <a:pt x="9374" y="3770"/>
                  <a:pt x="9486" y="3519"/>
                  <a:pt x="9430" y="3296"/>
                </a:cubicBezTo>
                <a:cubicBezTo>
                  <a:pt x="9346" y="3072"/>
                  <a:pt x="9235" y="2821"/>
                  <a:pt x="9123" y="2598"/>
                </a:cubicBezTo>
                <a:cubicBezTo>
                  <a:pt x="9065" y="2463"/>
                  <a:pt x="8913" y="2381"/>
                  <a:pt x="8760" y="2381"/>
                </a:cubicBezTo>
                <a:close/>
                <a:moveTo>
                  <a:pt x="419" y="4356"/>
                </a:moveTo>
                <a:cubicBezTo>
                  <a:pt x="167" y="4356"/>
                  <a:pt x="0" y="4551"/>
                  <a:pt x="0" y="4774"/>
                </a:cubicBezTo>
                <a:cubicBezTo>
                  <a:pt x="0" y="5025"/>
                  <a:pt x="0" y="5276"/>
                  <a:pt x="28" y="5500"/>
                </a:cubicBezTo>
                <a:cubicBezTo>
                  <a:pt x="84" y="5723"/>
                  <a:pt x="251" y="5862"/>
                  <a:pt x="446" y="5862"/>
                </a:cubicBezTo>
                <a:lnTo>
                  <a:pt x="530" y="5862"/>
                </a:lnTo>
                <a:cubicBezTo>
                  <a:pt x="753" y="5834"/>
                  <a:pt x="921" y="5611"/>
                  <a:pt x="893" y="5388"/>
                </a:cubicBezTo>
                <a:cubicBezTo>
                  <a:pt x="865" y="5193"/>
                  <a:pt x="837" y="4997"/>
                  <a:pt x="837" y="4774"/>
                </a:cubicBezTo>
                <a:lnTo>
                  <a:pt x="837" y="4746"/>
                </a:lnTo>
                <a:cubicBezTo>
                  <a:pt x="837" y="4523"/>
                  <a:pt x="642" y="4356"/>
                  <a:pt x="419" y="4356"/>
                </a:cubicBezTo>
                <a:close/>
                <a:moveTo>
                  <a:pt x="9235" y="4384"/>
                </a:moveTo>
                <a:cubicBezTo>
                  <a:pt x="8984" y="4384"/>
                  <a:pt x="8788" y="4551"/>
                  <a:pt x="8788" y="4802"/>
                </a:cubicBezTo>
                <a:cubicBezTo>
                  <a:pt x="8788" y="4997"/>
                  <a:pt x="8788" y="5221"/>
                  <a:pt x="8760" y="5416"/>
                </a:cubicBezTo>
                <a:cubicBezTo>
                  <a:pt x="8705" y="5639"/>
                  <a:pt x="8872" y="5862"/>
                  <a:pt x="9095" y="5918"/>
                </a:cubicBezTo>
                <a:lnTo>
                  <a:pt x="9179" y="5918"/>
                </a:lnTo>
                <a:cubicBezTo>
                  <a:pt x="9374" y="5918"/>
                  <a:pt x="9569" y="5751"/>
                  <a:pt x="9597" y="5555"/>
                </a:cubicBezTo>
                <a:cubicBezTo>
                  <a:pt x="9625" y="5304"/>
                  <a:pt x="9653" y="5053"/>
                  <a:pt x="9653" y="4802"/>
                </a:cubicBezTo>
                <a:cubicBezTo>
                  <a:pt x="9653" y="4551"/>
                  <a:pt x="9458" y="4384"/>
                  <a:pt x="9235" y="4384"/>
                </a:cubicBezTo>
                <a:close/>
                <a:moveTo>
                  <a:pt x="856" y="6320"/>
                </a:moveTo>
                <a:cubicBezTo>
                  <a:pt x="794" y="6320"/>
                  <a:pt x="731" y="6334"/>
                  <a:pt x="670" y="6365"/>
                </a:cubicBezTo>
                <a:cubicBezTo>
                  <a:pt x="474" y="6476"/>
                  <a:pt x="391" y="6727"/>
                  <a:pt x="502" y="6950"/>
                </a:cubicBezTo>
                <a:cubicBezTo>
                  <a:pt x="614" y="7174"/>
                  <a:pt x="725" y="7397"/>
                  <a:pt x="893" y="7592"/>
                </a:cubicBezTo>
                <a:cubicBezTo>
                  <a:pt x="977" y="7704"/>
                  <a:pt x="1088" y="7759"/>
                  <a:pt x="1228" y="7759"/>
                </a:cubicBezTo>
                <a:cubicBezTo>
                  <a:pt x="1311" y="7759"/>
                  <a:pt x="1395" y="7732"/>
                  <a:pt x="1479" y="7704"/>
                </a:cubicBezTo>
                <a:cubicBezTo>
                  <a:pt x="1674" y="7564"/>
                  <a:pt x="1702" y="7285"/>
                  <a:pt x="1590" y="7090"/>
                </a:cubicBezTo>
                <a:cubicBezTo>
                  <a:pt x="1451" y="6922"/>
                  <a:pt x="1339" y="6755"/>
                  <a:pt x="1256" y="6560"/>
                </a:cubicBezTo>
                <a:cubicBezTo>
                  <a:pt x="1174" y="6418"/>
                  <a:pt x="1020" y="6320"/>
                  <a:pt x="856" y="6320"/>
                </a:cubicBezTo>
                <a:close/>
                <a:moveTo>
                  <a:pt x="8739" y="6370"/>
                </a:moveTo>
                <a:cubicBezTo>
                  <a:pt x="8592" y="6370"/>
                  <a:pt x="8447" y="6452"/>
                  <a:pt x="8370" y="6588"/>
                </a:cubicBezTo>
                <a:cubicBezTo>
                  <a:pt x="8258" y="6783"/>
                  <a:pt x="8147" y="6950"/>
                  <a:pt x="8035" y="7118"/>
                </a:cubicBezTo>
                <a:cubicBezTo>
                  <a:pt x="7896" y="7313"/>
                  <a:pt x="7951" y="7592"/>
                  <a:pt x="8119" y="7732"/>
                </a:cubicBezTo>
                <a:cubicBezTo>
                  <a:pt x="8202" y="7787"/>
                  <a:pt x="8286" y="7815"/>
                  <a:pt x="8370" y="7815"/>
                </a:cubicBezTo>
                <a:cubicBezTo>
                  <a:pt x="8509" y="7815"/>
                  <a:pt x="8649" y="7759"/>
                  <a:pt x="8732" y="7620"/>
                </a:cubicBezTo>
                <a:cubicBezTo>
                  <a:pt x="8872" y="7425"/>
                  <a:pt x="9011" y="7201"/>
                  <a:pt x="9123" y="6978"/>
                </a:cubicBezTo>
                <a:cubicBezTo>
                  <a:pt x="9235" y="6783"/>
                  <a:pt x="9151" y="6532"/>
                  <a:pt x="8928" y="6420"/>
                </a:cubicBezTo>
                <a:cubicBezTo>
                  <a:pt x="8868" y="6386"/>
                  <a:pt x="8803" y="6370"/>
                  <a:pt x="8739" y="6370"/>
                </a:cubicBezTo>
                <a:close/>
                <a:moveTo>
                  <a:pt x="2184" y="7895"/>
                </a:moveTo>
                <a:cubicBezTo>
                  <a:pt x="2052" y="7895"/>
                  <a:pt x="1923" y="7952"/>
                  <a:pt x="1841" y="8066"/>
                </a:cubicBezTo>
                <a:cubicBezTo>
                  <a:pt x="1702" y="8262"/>
                  <a:pt x="1758" y="8541"/>
                  <a:pt x="1953" y="8680"/>
                </a:cubicBezTo>
                <a:cubicBezTo>
                  <a:pt x="2148" y="8820"/>
                  <a:pt x="2371" y="8959"/>
                  <a:pt x="2595" y="9071"/>
                </a:cubicBezTo>
                <a:cubicBezTo>
                  <a:pt x="2650" y="9099"/>
                  <a:pt x="2706" y="9127"/>
                  <a:pt x="2790" y="9127"/>
                </a:cubicBezTo>
                <a:cubicBezTo>
                  <a:pt x="2929" y="9127"/>
                  <a:pt x="3069" y="9043"/>
                  <a:pt x="3153" y="8903"/>
                </a:cubicBezTo>
                <a:cubicBezTo>
                  <a:pt x="3264" y="8680"/>
                  <a:pt x="3181" y="8429"/>
                  <a:pt x="2985" y="8317"/>
                </a:cubicBezTo>
                <a:cubicBezTo>
                  <a:pt x="2790" y="8206"/>
                  <a:pt x="2623" y="8094"/>
                  <a:pt x="2455" y="7983"/>
                </a:cubicBezTo>
                <a:cubicBezTo>
                  <a:pt x="2374" y="7925"/>
                  <a:pt x="2278" y="7895"/>
                  <a:pt x="2184" y="7895"/>
                </a:cubicBezTo>
                <a:close/>
                <a:moveTo>
                  <a:pt x="7395" y="7931"/>
                </a:moveTo>
                <a:cubicBezTo>
                  <a:pt x="7307" y="7931"/>
                  <a:pt x="7218" y="7956"/>
                  <a:pt x="7142" y="8011"/>
                </a:cubicBezTo>
                <a:cubicBezTo>
                  <a:pt x="6975" y="8122"/>
                  <a:pt x="6807" y="8234"/>
                  <a:pt x="6612" y="8345"/>
                </a:cubicBezTo>
                <a:cubicBezTo>
                  <a:pt x="6417" y="8429"/>
                  <a:pt x="6333" y="8708"/>
                  <a:pt x="6445" y="8903"/>
                </a:cubicBezTo>
                <a:cubicBezTo>
                  <a:pt x="6501" y="9043"/>
                  <a:pt x="6668" y="9127"/>
                  <a:pt x="6807" y="9127"/>
                </a:cubicBezTo>
                <a:cubicBezTo>
                  <a:pt x="6891" y="9127"/>
                  <a:pt x="6947" y="9127"/>
                  <a:pt x="7003" y="9099"/>
                </a:cubicBezTo>
                <a:cubicBezTo>
                  <a:pt x="7226" y="8987"/>
                  <a:pt x="7449" y="8848"/>
                  <a:pt x="7644" y="8708"/>
                </a:cubicBezTo>
                <a:cubicBezTo>
                  <a:pt x="7840" y="8569"/>
                  <a:pt x="7896" y="8290"/>
                  <a:pt x="7756" y="8094"/>
                </a:cubicBezTo>
                <a:cubicBezTo>
                  <a:pt x="7671" y="7992"/>
                  <a:pt x="7534" y="7931"/>
                  <a:pt x="7395" y="7931"/>
                </a:cubicBezTo>
                <a:close/>
                <a:moveTo>
                  <a:pt x="4101" y="8705"/>
                </a:moveTo>
                <a:cubicBezTo>
                  <a:pt x="3897" y="8705"/>
                  <a:pt x="3706" y="8841"/>
                  <a:pt x="3655" y="9071"/>
                </a:cubicBezTo>
                <a:cubicBezTo>
                  <a:pt x="3627" y="9294"/>
                  <a:pt x="3794" y="9517"/>
                  <a:pt x="4018" y="9545"/>
                </a:cubicBezTo>
                <a:cubicBezTo>
                  <a:pt x="4269" y="9601"/>
                  <a:pt x="4520" y="9629"/>
                  <a:pt x="4771" y="9629"/>
                </a:cubicBezTo>
                <a:lnTo>
                  <a:pt x="4799" y="9629"/>
                </a:lnTo>
                <a:cubicBezTo>
                  <a:pt x="5050" y="9629"/>
                  <a:pt x="5329" y="9601"/>
                  <a:pt x="5580" y="9573"/>
                </a:cubicBezTo>
                <a:cubicBezTo>
                  <a:pt x="5803" y="9517"/>
                  <a:pt x="5970" y="9294"/>
                  <a:pt x="5915" y="9071"/>
                </a:cubicBezTo>
                <a:cubicBezTo>
                  <a:pt x="5889" y="8864"/>
                  <a:pt x="5695" y="8705"/>
                  <a:pt x="5489" y="8705"/>
                </a:cubicBezTo>
                <a:cubicBezTo>
                  <a:pt x="5473" y="8705"/>
                  <a:pt x="5457" y="8706"/>
                  <a:pt x="5440" y="8708"/>
                </a:cubicBezTo>
                <a:cubicBezTo>
                  <a:pt x="5245" y="8736"/>
                  <a:pt x="5022" y="8764"/>
                  <a:pt x="4827" y="8764"/>
                </a:cubicBezTo>
                <a:lnTo>
                  <a:pt x="4771" y="8764"/>
                </a:lnTo>
                <a:cubicBezTo>
                  <a:pt x="4576" y="8764"/>
                  <a:pt x="4352" y="8736"/>
                  <a:pt x="4157" y="8708"/>
                </a:cubicBezTo>
                <a:cubicBezTo>
                  <a:pt x="4138" y="8706"/>
                  <a:pt x="4119" y="8705"/>
                  <a:pt x="4101" y="8705"/>
                </a:cubicBezTo>
                <a:close/>
              </a:path>
            </a:pathLst>
          </a:custGeom>
          <a:solidFill>
            <a:schemeClr val="dk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  <p:grpSp>
        <p:nvGrpSpPr>
          <p:cNvPr id="18" name="Google Shape;18;p2"/>
          <p:cNvGrpSpPr/>
          <p:nvPr/>
        </p:nvGrpSpPr>
        <p:grpSpPr>
          <a:xfrm>
            <a:off x="92759" y="2394849"/>
            <a:ext cx="156183" cy="376740"/>
            <a:chOff x="4261229" y="284749"/>
            <a:chExt cx="156183" cy="376740"/>
          </a:xfrm>
        </p:grpSpPr>
        <p:sp>
          <p:nvSpPr>
            <p:cNvPr id="19" name="Google Shape;19;p2"/>
            <p:cNvSpPr/>
            <p:nvPr/>
          </p:nvSpPr>
          <p:spPr>
            <a:xfrm>
              <a:off x="4332073" y="284749"/>
              <a:ext cx="85340" cy="376740"/>
            </a:xfrm>
            <a:custGeom>
              <a:avLst/>
              <a:gdLst/>
              <a:ahLst/>
              <a:cxnLst/>
              <a:rect l="l" t="t" r="r" b="b"/>
              <a:pathLst>
                <a:path w="3126" h="13800" extrusionOk="0">
                  <a:moveTo>
                    <a:pt x="443" y="0"/>
                  </a:moveTo>
                  <a:cubicBezTo>
                    <a:pt x="406" y="0"/>
                    <a:pt x="370" y="6"/>
                    <a:pt x="335" y="17"/>
                  </a:cubicBezTo>
                  <a:cubicBezTo>
                    <a:pt x="140" y="73"/>
                    <a:pt x="0" y="241"/>
                    <a:pt x="0" y="436"/>
                  </a:cubicBezTo>
                  <a:lnTo>
                    <a:pt x="0" y="938"/>
                  </a:lnTo>
                  <a:cubicBezTo>
                    <a:pt x="0" y="1189"/>
                    <a:pt x="196" y="1357"/>
                    <a:pt x="447" y="1357"/>
                  </a:cubicBezTo>
                  <a:cubicBezTo>
                    <a:pt x="670" y="1357"/>
                    <a:pt x="865" y="1189"/>
                    <a:pt x="865" y="938"/>
                  </a:cubicBezTo>
                  <a:lnTo>
                    <a:pt x="865" y="882"/>
                  </a:lnTo>
                  <a:cubicBezTo>
                    <a:pt x="977" y="743"/>
                    <a:pt x="1005" y="548"/>
                    <a:pt x="893" y="380"/>
                  </a:cubicBezTo>
                  <a:lnTo>
                    <a:pt x="809" y="213"/>
                  </a:lnTo>
                  <a:cubicBezTo>
                    <a:pt x="721" y="80"/>
                    <a:pt x="580" y="0"/>
                    <a:pt x="443" y="0"/>
                  </a:cubicBezTo>
                  <a:close/>
                  <a:moveTo>
                    <a:pt x="1240" y="1357"/>
                  </a:moveTo>
                  <a:cubicBezTo>
                    <a:pt x="1169" y="1357"/>
                    <a:pt x="1098" y="1375"/>
                    <a:pt x="1033" y="1412"/>
                  </a:cubicBezTo>
                  <a:cubicBezTo>
                    <a:pt x="809" y="1552"/>
                    <a:pt x="754" y="1803"/>
                    <a:pt x="865" y="1998"/>
                  </a:cubicBezTo>
                  <a:lnTo>
                    <a:pt x="1228" y="2612"/>
                  </a:lnTo>
                  <a:cubicBezTo>
                    <a:pt x="1312" y="2724"/>
                    <a:pt x="1451" y="2807"/>
                    <a:pt x="1591" y="2807"/>
                  </a:cubicBezTo>
                  <a:cubicBezTo>
                    <a:pt x="1674" y="2807"/>
                    <a:pt x="1730" y="2779"/>
                    <a:pt x="1814" y="2752"/>
                  </a:cubicBezTo>
                  <a:cubicBezTo>
                    <a:pt x="2009" y="2640"/>
                    <a:pt x="2093" y="2361"/>
                    <a:pt x="1953" y="2166"/>
                  </a:cubicBezTo>
                  <a:lnTo>
                    <a:pt x="1618" y="1580"/>
                  </a:lnTo>
                  <a:cubicBezTo>
                    <a:pt x="1526" y="1431"/>
                    <a:pt x="1383" y="1357"/>
                    <a:pt x="1240" y="1357"/>
                  </a:cubicBezTo>
                  <a:close/>
                  <a:moveTo>
                    <a:pt x="447" y="1887"/>
                  </a:moveTo>
                  <a:cubicBezTo>
                    <a:pt x="196" y="1887"/>
                    <a:pt x="0" y="2082"/>
                    <a:pt x="0" y="2333"/>
                  </a:cubicBezTo>
                  <a:lnTo>
                    <a:pt x="0" y="3003"/>
                  </a:lnTo>
                  <a:cubicBezTo>
                    <a:pt x="0" y="3254"/>
                    <a:pt x="196" y="3449"/>
                    <a:pt x="447" y="3449"/>
                  </a:cubicBezTo>
                  <a:cubicBezTo>
                    <a:pt x="670" y="3449"/>
                    <a:pt x="865" y="3254"/>
                    <a:pt x="865" y="3003"/>
                  </a:cubicBezTo>
                  <a:lnTo>
                    <a:pt x="865" y="2333"/>
                  </a:lnTo>
                  <a:cubicBezTo>
                    <a:pt x="865" y="2082"/>
                    <a:pt x="670" y="1887"/>
                    <a:pt x="447" y="1887"/>
                  </a:cubicBezTo>
                  <a:close/>
                  <a:moveTo>
                    <a:pt x="2300" y="3142"/>
                  </a:moveTo>
                  <a:cubicBezTo>
                    <a:pt x="2229" y="3142"/>
                    <a:pt x="2158" y="3161"/>
                    <a:pt x="2093" y="3198"/>
                  </a:cubicBezTo>
                  <a:cubicBezTo>
                    <a:pt x="1870" y="3337"/>
                    <a:pt x="1814" y="3589"/>
                    <a:pt x="1925" y="3784"/>
                  </a:cubicBezTo>
                  <a:lnTo>
                    <a:pt x="2288" y="4398"/>
                  </a:lnTo>
                  <a:cubicBezTo>
                    <a:pt x="2372" y="4509"/>
                    <a:pt x="2511" y="4593"/>
                    <a:pt x="2651" y="4593"/>
                  </a:cubicBezTo>
                  <a:cubicBezTo>
                    <a:pt x="2734" y="4593"/>
                    <a:pt x="2790" y="4565"/>
                    <a:pt x="2874" y="4537"/>
                  </a:cubicBezTo>
                  <a:cubicBezTo>
                    <a:pt x="3069" y="4426"/>
                    <a:pt x="3125" y="4147"/>
                    <a:pt x="3013" y="3951"/>
                  </a:cubicBezTo>
                  <a:lnTo>
                    <a:pt x="2679" y="3365"/>
                  </a:lnTo>
                  <a:cubicBezTo>
                    <a:pt x="2586" y="3217"/>
                    <a:pt x="2443" y="3142"/>
                    <a:pt x="2300" y="3142"/>
                  </a:cubicBezTo>
                  <a:close/>
                  <a:moveTo>
                    <a:pt x="447" y="3979"/>
                  </a:moveTo>
                  <a:cubicBezTo>
                    <a:pt x="196" y="3979"/>
                    <a:pt x="0" y="4174"/>
                    <a:pt x="0" y="4398"/>
                  </a:cubicBezTo>
                  <a:lnTo>
                    <a:pt x="0" y="5095"/>
                  </a:lnTo>
                  <a:cubicBezTo>
                    <a:pt x="0" y="5318"/>
                    <a:pt x="196" y="5514"/>
                    <a:pt x="447" y="5514"/>
                  </a:cubicBezTo>
                  <a:cubicBezTo>
                    <a:pt x="670" y="5514"/>
                    <a:pt x="865" y="5318"/>
                    <a:pt x="865" y="5095"/>
                  </a:cubicBezTo>
                  <a:lnTo>
                    <a:pt x="865" y="4398"/>
                  </a:lnTo>
                  <a:cubicBezTo>
                    <a:pt x="865" y="4174"/>
                    <a:pt x="670" y="3979"/>
                    <a:pt x="447" y="3979"/>
                  </a:cubicBezTo>
                  <a:close/>
                  <a:moveTo>
                    <a:pt x="447" y="6044"/>
                  </a:moveTo>
                  <a:cubicBezTo>
                    <a:pt x="196" y="6044"/>
                    <a:pt x="0" y="6239"/>
                    <a:pt x="0" y="6462"/>
                  </a:cubicBezTo>
                  <a:lnTo>
                    <a:pt x="0" y="7160"/>
                  </a:lnTo>
                  <a:cubicBezTo>
                    <a:pt x="0" y="7411"/>
                    <a:pt x="196" y="7578"/>
                    <a:pt x="447" y="7578"/>
                  </a:cubicBezTo>
                  <a:cubicBezTo>
                    <a:pt x="670" y="7578"/>
                    <a:pt x="865" y="7411"/>
                    <a:pt x="865" y="7160"/>
                  </a:cubicBezTo>
                  <a:lnTo>
                    <a:pt x="865" y="6462"/>
                  </a:lnTo>
                  <a:cubicBezTo>
                    <a:pt x="865" y="6239"/>
                    <a:pt x="670" y="6044"/>
                    <a:pt x="447" y="6044"/>
                  </a:cubicBezTo>
                  <a:close/>
                  <a:moveTo>
                    <a:pt x="447" y="8108"/>
                  </a:moveTo>
                  <a:cubicBezTo>
                    <a:pt x="196" y="8108"/>
                    <a:pt x="0" y="8303"/>
                    <a:pt x="0" y="8555"/>
                  </a:cubicBezTo>
                  <a:lnTo>
                    <a:pt x="0" y="9224"/>
                  </a:lnTo>
                  <a:cubicBezTo>
                    <a:pt x="0" y="9475"/>
                    <a:pt x="196" y="9671"/>
                    <a:pt x="447" y="9671"/>
                  </a:cubicBezTo>
                  <a:cubicBezTo>
                    <a:pt x="670" y="9671"/>
                    <a:pt x="865" y="9475"/>
                    <a:pt x="865" y="9224"/>
                  </a:cubicBezTo>
                  <a:lnTo>
                    <a:pt x="865" y="8555"/>
                  </a:lnTo>
                  <a:cubicBezTo>
                    <a:pt x="865" y="8303"/>
                    <a:pt x="670" y="8108"/>
                    <a:pt x="447" y="8108"/>
                  </a:cubicBezTo>
                  <a:close/>
                  <a:moveTo>
                    <a:pt x="447" y="10201"/>
                  </a:moveTo>
                  <a:cubicBezTo>
                    <a:pt x="196" y="10201"/>
                    <a:pt x="0" y="10396"/>
                    <a:pt x="0" y="10619"/>
                  </a:cubicBezTo>
                  <a:lnTo>
                    <a:pt x="0" y="11317"/>
                  </a:lnTo>
                  <a:cubicBezTo>
                    <a:pt x="0" y="11540"/>
                    <a:pt x="196" y="11735"/>
                    <a:pt x="447" y="11735"/>
                  </a:cubicBezTo>
                  <a:cubicBezTo>
                    <a:pt x="670" y="11735"/>
                    <a:pt x="865" y="11540"/>
                    <a:pt x="865" y="11317"/>
                  </a:cubicBezTo>
                  <a:lnTo>
                    <a:pt x="865" y="10619"/>
                  </a:lnTo>
                  <a:cubicBezTo>
                    <a:pt x="865" y="10396"/>
                    <a:pt x="670" y="10201"/>
                    <a:pt x="447" y="10201"/>
                  </a:cubicBezTo>
                  <a:close/>
                  <a:moveTo>
                    <a:pt x="447" y="12265"/>
                  </a:moveTo>
                  <a:cubicBezTo>
                    <a:pt x="196" y="12265"/>
                    <a:pt x="0" y="12460"/>
                    <a:pt x="0" y="12684"/>
                  </a:cubicBezTo>
                  <a:lnTo>
                    <a:pt x="0" y="13381"/>
                  </a:lnTo>
                  <a:cubicBezTo>
                    <a:pt x="0" y="13632"/>
                    <a:pt x="196" y="13800"/>
                    <a:pt x="447" y="13800"/>
                  </a:cubicBezTo>
                  <a:cubicBezTo>
                    <a:pt x="670" y="13800"/>
                    <a:pt x="865" y="13632"/>
                    <a:pt x="865" y="13381"/>
                  </a:cubicBezTo>
                  <a:lnTo>
                    <a:pt x="865" y="12684"/>
                  </a:lnTo>
                  <a:cubicBezTo>
                    <a:pt x="865" y="12460"/>
                    <a:pt x="670" y="12265"/>
                    <a:pt x="447" y="12265"/>
                  </a:cubicBezTo>
                  <a:close/>
                </a:path>
              </a:pathLst>
            </a:custGeom>
            <a:solidFill>
              <a:schemeClr val="dk1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dirty="0"/>
            </a:p>
          </p:txBody>
        </p:sp>
        <p:sp>
          <p:nvSpPr>
            <p:cNvPr id="20" name="Google Shape;20;p2"/>
            <p:cNvSpPr/>
            <p:nvPr/>
          </p:nvSpPr>
          <p:spPr>
            <a:xfrm>
              <a:off x="4261229" y="285104"/>
              <a:ext cx="96014" cy="115916"/>
            </a:xfrm>
            <a:custGeom>
              <a:avLst/>
              <a:gdLst/>
              <a:ahLst/>
              <a:cxnLst/>
              <a:rect l="l" t="t" r="r" b="b"/>
              <a:pathLst>
                <a:path w="3517" h="4246" extrusionOk="0">
                  <a:moveTo>
                    <a:pt x="3030" y="1"/>
                  </a:moveTo>
                  <a:cubicBezTo>
                    <a:pt x="2903" y="1"/>
                    <a:pt x="2777" y="58"/>
                    <a:pt x="2679" y="172"/>
                  </a:cubicBezTo>
                  <a:lnTo>
                    <a:pt x="2288" y="730"/>
                  </a:lnTo>
                  <a:cubicBezTo>
                    <a:pt x="2149" y="897"/>
                    <a:pt x="2177" y="1176"/>
                    <a:pt x="2372" y="1316"/>
                  </a:cubicBezTo>
                  <a:cubicBezTo>
                    <a:pt x="2428" y="1372"/>
                    <a:pt x="2540" y="1399"/>
                    <a:pt x="2623" y="1399"/>
                  </a:cubicBezTo>
                  <a:cubicBezTo>
                    <a:pt x="2735" y="1399"/>
                    <a:pt x="2874" y="1344"/>
                    <a:pt x="2958" y="1232"/>
                  </a:cubicBezTo>
                  <a:lnTo>
                    <a:pt x="3377" y="674"/>
                  </a:lnTo>
                  <a:cubicBezTo>
                    <a:pt x="3516" y="507"/>
                    <a:pt x="3488" y="228"/>
                    <a:pt x="3293" y="88"/>
                  </a:cubicBezTo>
                  <a:cubicBezTo>
                    <a:pt x="3211" y="30"/>
                    <a:pt x="3120" y="1"/>
                    <a:pt x="3030" y="1"/>
                  </a:cubicBezTo>
                  <a:close/>
                  <a:moveTo>
                    <a:pt x="1794" y="1655"/>
                  </a:moveTo>
                  <a:cubicBezTo>
                    <a:pt x="1663" y="1655"/>
                    <a:pt x="1537" y="1716"/>
                    <a:pt x="1451" y="1818"/>
                  </a:cubicBezTo>
                  <a:lnTo>
                    <a:pt x="1033" y="2376"/>
                  </a:lnTo>
                  <a:cubicBezTo>
                    <a:pt x="894" y="2571"/>
                    <a:pt x="921" y="2822"/>
                    <a:pt x="1117" y="2990"/>
                  </a:cubicBezTo>
                  <a:cubicBezTo>
                    <a:pt x="1200" y="3045"/>
                    <a:pt x="1284" y="3073"/>
                    <a:pt x="1368" y="3073"/>
                  </a:cubicBezTo>
                  <a:cubicBezTo>
                    <a:pt x="1507" y="3073"/>
                    <a:pt x="1619" y="2990"/>
                    <a:pt x="1703" y="2878"/>
                  </a:cubicBezTo>
                  <a:lnTo>
                    <a:pt x="2121" y="2348"/>
                  </a:lnTo>
                  <a:cubicBezTo>
                    <a:pt x="2261" y="2153"/>
                    <a:pt x="2233" y="1874"/>
                    <a:pt x="2037" y="1734"/>
                  </a:cubicBezTo>
                  <a:cubicBezTo>
                    <a:pt x="1961" y="1680"/>
                    <a:pt x="1877" y="1655"/>
                    <a:pt x="1794" y="1655"/>
                  </a:cubicBezTo>
                  <a:close/>
                  <a:moveTo>
                    <a:pt x="538" y="3321"/>
                  </a:moveTo>
                  <a:cubicBezTo>
                    <a:pt x="406" y="3321"/>
                    <a:pt x="277" y="3378"/>
                    <a:pt x="196" y="3492"/>
                  </a:cubicBezTo>
                  <a:lnTo>
                    <a:pt x="140" y="3576"/>
                  </a:lnTo>
                  <a:cubicBezTo>
                    <a:pt x="1" y="3743"/>
                    <a:pt x="29" y="4022"/>
                    <a:pt x="224" y="4161"/>
                  </a:cubicBezTo>
                  <a:cubicBezTo>
                    <a:pt x="308" y="4217"/>
                    <a:pt x="391" y="4245"/>
                    <a:pt x="475" y="4245"/>
                  </a:cubicBezTo>
                  <a:cubicBezTo>
                    <a:pt x="615" y="4245"/>
                    <a:pt x="726" y="4189"/>
                    <a:pt x="810" y="4078"/>
                  </a:cubicBezTo>
                  <a:lnTo>
                    <a:pt x="894" y="3994"/>
                  </a:lnTo>
                  <a:cubicBezTo>
                    <a:pt x="1033" y="3799"/>
                    <a:pt x="977" y="3548"/>
                    <a:pt x="810" y="3408"/>
                  </a:cubicBezTo>
                  <a:cubicBezTo>
                    <a:pt x="728" y="3350"/>
                    <a:pt x="633" y="3321"/>
                    <a:pt x="538" y="3321"/>
                  </a:cubicBezTo>
                  <a:close/>
                </a:path>
              </a:pathLst>
            </a:custGeom>
            <a:solidFill>
              <a:schemeClr val="dk1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dirty="0"/>
            </a:p>
          </p:txBody>
        </p:sp>
      </p:grpSp>
      <p:sp>
        <p:nvSpPr>
          <p:cNvPr id="21" name="Google Shape;21;p2"/>
          <p:cNvSpPr/>
          <p:nvPr/>
        </p:nvSpPr>
        <p:spPr>
          <a:xfrm rot="5400000">
            <a:off x="713214" y="231795"/>
            <a:ext cx="316107" cy="316107"/>
          </a:xfrm>
          <a:custGeom>
            <a:avLst/>
            <a:gdLst/>
            <a:ahLst/>
            <a:cxnLst/>
            <a:rect l="l" t="t" r="r" b="b"/>
            <a:pathLst>
              <a:path w="11579" h="11579" extrusionOk="0">
                <a:moveTo>
                  <a:pt x="5775" y="0"/>
                </a:moveTo>
                <a:cubicBezTo>
                  <a:pt x="2595" y="0"/>
                  <a:pt x="0" y="2595"/>
                  <a:pt x="0" y="5776"/>
                </a:cubicBezTo>
                <a:cubicBezTo>
                  <a:pt x="0" y="8984"/>
                  <a:pt x="2595" y="11579"/>
                  <a:pt x="5775" y="11579"/>
                </a:cubicBezTo>
                <a:cubicBezTo>
                  <a:pt x="8984" y="11579"/>
                  <a:pt x="11578" y="8984"/>
                  <a:pt x="11578" y="5776"/>
                </a:cubicBezTo>
                <a:cubicBezTo>
                  <a:pt x="11578" y="2595"/>
                  <a:pt x="8984" y="0"/>
                  <a:pt x="5775" y="0"/>
                </a:cubicBezTo>
                <a:close/>
              </a:path>
            </a:pathLst>
          </a:custGeom>
          <a:solidFill>
            <a:schemeClr val="lt2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  <p:sp>
        <p:nvSpPr>
          <p:cNvPr id="22" name="Google Shape;22;p2"/>
          <p:cNvSpPr/>
          <p:nvPr/>
        </p:nvSpPr>
        <p:spPr>
          <a:xfrm rot="5400000">
            <a:off x="865207" y="256515"/>
            <a:ext cx="263554" cy="262872"/>
          </a:xfrm>
          <a:custGeom>
            <a:avLst/>
            <a:gdLst/>
            <a:ahLst/>
            <a:cxnLst/>
            <a:rect l="l" t="t" r="r" b="b"/>
            <a:pathLst>
              <a:path w="9654" h="9629" extrusionOk="0">
                <a:moveTo>
                  <a:pt x="4150" y="0"/>
                </a:moveTo>
                <a:cubicBezTo>
                  <a:pt x="4134" y="0"/>
                  <a:pt x="4118" y="1"/>
                  <a:pt x="4101" y="4"/>
                </a:cubicBezTo>
                <a:cubicBezTo>
                  <a:pt x="3850" y="59"/>
                  <a:pt x="3599" y="115"/>
                  <a:pt x="3348" y="171"/>
                </a:cubicBezTo>
                <a:cubicBezTo>
                  <a:pt x="3125" y="255"/>
                  <a:pt x="3013" y="478"/>
                  <a:pt x="3069" y="729"/>
                </a:cubicBezTo>
                <a:cubicBezTo>
                  <a:pt x="3125" y="896"/>
                  <a:pt x="3292" y="1008"/>
                  <a:pt x="3487" y="1008"/>
                </a:cubicBezTo>
                <a:cubicBezTo>
                  <a:pt x="3515" y="1008"/>
                  <a:pt x="3571" y="1008"/>
                  <a:pt x="3599" y="980"/>
                </a:cubicBezTo>
                <a:cubicBezTo>
                  <a:pt x="3794" y="924"/>
                  <a:pt x="4018" y="868"/>
                  <a:pt x="4213" y="840"/>
                </a:cubicBezTo>
                <a:cubicBezTo>
                  <a:pt x="4436" y="813"/>
                  <a:pt x="4603" y="589"/>
                  <a:pt x="4576" y="366"/>
                </a:cubicBezTo>
                <a:cubicBezTo>
                  <a:pt x="4550" y="159"/>
                  <a:pt x="4356" y="0"/>
                  <a:pt x="4150" y="0"/>
                </a:cubicBezTo>
                <a:close/>
                <a:moveTo>
                  <a:pt x="5553" y="0"/>
                </a:moveTo>
                <a:cubicBezTo>
                  <a:pt x="5325" y="0"/>
                  <a:pt x="5131" y="159"/>
                  <a:pt x="5106" y="366"/>
                </a:cubicBezTo>
                <a:cubicBezTo>
                  <a:pt x="5078" y="589"/>
                  <a:pt x="5217" y="813"/>
                  <a:pt x="5468" y="868"/>
                </a:cubicBezTo>
                <a:cubicBezTo>
                  <a:pt x="5664" y="896"/>
                  <a:pt x="5859" y="952"/>
                  <a:pt x="6054" y="1008"/>
                </a:cubicBezTo>
                <a:cubicBezTo>
                  <a:pt x="6110" y="1008"/>
                  <a:pt x="6166" y="1036"/>
                  <a:pt x="6194" y="1036"/>
                </a:cubicBezTo>
                <a:cubicBezTo>
                  <a:pt x="6389" y="1036"/>
                  <a:pt x="6556" y="924"/>
                  <a:pt x="6612" y="729"/>
                </a:cubicBezTo>
                <a:cubicBezTo>
                  <a:pt x="6668" y="506"/>
                  <a:pt x="6556" y="283"/>
                  <a:pt x="6333" y="199"/>
                </a:cubicBezTo>
                <a:cubicBezTo>
                  <a:pt x="6082" y="115"/>
                  <a:pt x="5859" y="59"/>
                  <a:pt x="5608" y="4"/>
                </a:cubicBezTo>
                <a:cubicBezTo>
                  <a:pt x="5589" y="1"/>
                  <a:pt x="5571" y="0"/>
                  <a:pt x="5553" y="0"/>
                </a:cubicBezTo>
                <a:close/>
                <a:moveTo>
                  <a:pt x="2270" y="781"/>
                </a:moveTo>
                <a:cubicBezTo>
                  <a:pt x="2181" y="781"/>
                  <a:pt x="2090" y="810"/>
                  <a:pt x="2009" y="868"/>
                </a:cubicBezTo>
                <a:cubicBezTo>
                  <a:pt x="1786" y="1008"/>
                  <a:pt x="1590" y="1175"/>
                  <a:pt x="1423" y="1343"/>
                </a:cubicBezTo>
                <a:cubicBezTo>
                  <a:pt x="1256" y="1510"/>
                  <a:pt x="1256" y="1789"/>
                  <a:pt x="1423" y="1956"/>
                </a:cubicBezTo>
                <a:cubicBezTo>
                  <a:pt x="1507" y="2040"/>
                  <a:pt x="1618" y="2068"/>
                  <a:pt x="1730" y="2068"/>
                </a:cubicBezTo>
                <a:cubicBezTo>
                  <a:pt x="1841" y="2068"/>
                  <a:pt x="1953" y="2040"/>
                  <a:pt x="2037" y="1956"/>
                </a:cubicBezTo>
                <a:cubicBezTo>
                  <a:pt x="2176" y="1817"/>
                  <a:pt x="2344" y="1677"/>
                  <a:pt x="2511" y="1538"/>
                </a:cubicBezTo>
                <a:cubicBezTo>
                  <a:pt x="2678" y="1426"/>
                  <a:pt x="2734" y="1147"/>
                  <a:pt x="2595" y="952"/>
                </a:cubicBezTo>
                <a:cubicBezTo>
                  <a:pt x="2513" y="838"/>
                  <a:pt x="2394" y="781"/>
                  <a:pt x="2270" y="781"/>
                </a:cubicBezTo>
                <a:close/>
                <a:moveTo>
                  <a:pt x="7411" y="809"/>
                </a:moveTo>
                <a:cubicBezTo>
                  <a:pt x="7287" y="809"/>
                  <a:pt x="7168" y="866"/>
                  <a:pt x="7086" y="980"/>
                </a:cubicBezTo>
                <a:cubicBezTo>
                  <a:pt x="6947" y="1175"/>
                  <a:pt x="6975" y="1426"/>
                  <a:pt x="7170" y="1566"/>
                </a:cubicBezTo>
                <a:cubicBezTo>
                  <a:pt x="7338" y="1705"/>
                  <a:pt x="7505" y="1845"/>
                  <a:pt x="7644" y="1984"/>
                </a:cubicBezTo>
                <a:cubicBezTo>
                  <a:pt x="7728" y="2068"/>
                  <a:pt x="7840" y="2096"/>
                  <a:pt x="7951" y="2096"/>
                </a:cubicBezTo>
                <a:cubicBezTo>
                  <a:pt x="8063" y="2096"/>
                  <a:pt x="8175" y="2068"/>
                  <a:pt x="8258" y="1984"/>
                </a:cubicBezTo>
                <a:cubicBezTo>
                  <a:pt x="8426" y="1817"/>
                  <a:pt x="8426" y="1538"/>
                  <a:pt x="8258" y="1371"/>
                </a:cubicBezTo>
                <a:cubicBezTo>
                  <a:pt x="8063" y="1203"/>
                  <a:pt x="7868" y="1036"/>
                  <a:pt x="7672" y="896"/>
                </a:cubicBezTo>
                <a:cubicBezTo>
                  <a:pt x="7591" y="838"/>
                  <a:pt x="7500" y="809"/>
                  <a:pt x="7411" y="809"/>
                </a:cubicBezTo>
                <a:close/>
                <a:moveTo>
                  <a:pt x="913" y="2326"/>
                </a:moveTo>
                <a:cubicBezTo>
                  <a:pt x="755" y="2326"/>
                  <a:pt x="608" y="2414"/>
                  <a:pt x="530" y="2570"/>
                </a:cubicBezTo>
                <a:cubicBezTo>
                  <a:pt x="419" y="2793"/>
                  <a:pt x="307" y="3017"/>
                  <a:pt x="223" y="3268"/>
                </a:cubicBezTo>
                <a:cubicBezTo>
                  <a:pt x="167" y="3491"/>
                  <a:pt x="279" y="3714"/>
                  <a:pt x="502" y="3798"/>
                </a:cubicBezTo>
                <a:cubicBezTo>
                  <a:pt x="558" y="3826"/>
                  <a:pt x="586" y="3826"/>
                  <a:pt x="642" y="3826"/>
                </a:cubicBezTo>
                <a:cubicBezTo>
                  <a:pt x="809" y="3826"/>
                  <a:pt x="977" y="3714"/>
                  <a:pt x="1032" y="3519"/>
                </a:cubicBezTo>
                <a:cubicBezTo>
                  <a:pt x="1116" y="3324"/>
                  <a:pt x="1200" y="3128"/>
                  <a:pt x="1283" y="2961"/>
                </a:cubicBezTo>
                <a:cubicBezTo>
                  <a:pt x="1395" y="2738"/>
                  <a:pt x="1311" y="2487"/>
                  <a:pt x="1116" y="2375"/>
                </a:cubicBezTo>
                <a:cubicBezTo>
                  <a:pt x="1049" y="2342"/>
                  <a:pt x="980" y="2326"/>
                  <a:pt x="913" y="2326"/>
                </a:cubicBezTo>
                <a:close/>
                <a:moveTo>
                  <a:pt x="8760" y="2381"/>
                </a:moveTo>
                <a:cubicBezTo>
                  <a:pt x="8692" y="2381"/>
                  <a:pt x="8625" y="2397"/>
                  <a:pt x="8565" y="2431"/>
                </a:cubicBezTo>
                <a:cubicBezTo>
                  <a:pt x="8342" y="2514"/>
                  <a:pt x="8258" y="2793"/>
                  <a:pt x="8370" y="2989"/>
                </a:cubicBezTo>
                <a:cubicBezTo>
                  <a:pt x="8453" y="3184"/>
                  <a:pt x="8537" y="3379"/>
                  <a:pt x="8621" y="3575"/>
                </a:cubicBezTo>
                <a:cubicBezTo>
                  <a:pt x="8677" y="3742"/>
                  <a:pt x="8844" y="3854"/>
                  <a:pt x="9011" y="3854"/>
                </a:cubicBezTo>
                <a:lnTo>
                  <a:pt x="9151" y="3854"/>
                </a:lnTo>
                <a:cubicBezTo>
                  <a:pt x="9374" y="3770"/>
                  <a:pt x="9486" y="3519"/>
                  <a:pt x="9430" y="3296"/>
                </a:cubicBezTo>
                <a:cubicBezTo>
                  <a:pt x="9346" y="3072"/>
                  <a:pt x="9235" y="2821"/>
                  <a:pt x="9123" y="2598"/>
                </a:cubicBezTo>
                <a:cubicBezTo>
                  <a:pt x="9065" y="2463"/>
                  <a:pt x="8913" y="2381"/>
                  <a:pt x="8760" y="2381"/>
                </a:cubicBezTo>
                <a:close/>
                <a:moveTo>
                  <a:pt x="419" y="4356"/>
                </a:moveTo>
                <a:cubicBezTo>
                  <a:pt x="167" y="4356"/>
                  <a:pt x="0" y="4551"/>
                  <a:pt x="0" y="4774"/>
                </a:cubicBezTo>
                <a:cubicBezTo>
                  <a:pt x="0" y="5025"/>
                  <a:pt x="0" y="5276"/>
                  <a:pt x="28" y="5500"/>
                </a:cubicBezTo>
                <a:cubicBezTo>
                  <a:pt x="84" y="5723"/>
                  <a:pt x="251" y="5862"/>
                  <a:pt x="446" y="5862"/>
                </a:cubicBezTo>
                <a:lnTo>
                  <a:pt x="530" y="5862"/>
                </a:lnTo>
                <a:cubicBezTo>
                  <a:pt x="753" y="5834"/>
                  <a:pt x="921" y="5611"/>
                  <a:pt x="893" y="5388"/>
                </a:cubicBezTo>
                <a:cubicBezTo>
                  <a:pt x="865" y="5193"/>
                  <a:pt x="837" y="4997"/>
                  <a:pt x="837" y="4774"/>
                </a:cubicBezTo>
                <a:lnTo>
                  <a:pt x="837" y="4746"/>
                </a:lnTo>
                <a:cubicBezTo>
                  <a:pt x="837" y="4523"/>
                  <a:pt x="642" y="4356"/>
                  <a:pt x="419" y="4356"/>
                </a:cubicBezTo>
                <a:close/>
                <a:moveTo>
                  <a:pt x="9235" y="4384"/>
                </a:moveTo>
                <a:cubicBezTo>
                  <a:pt x="8984" y="4384"/>
                  <a:pt x="8788" y="4551"/>
                  <a:pt x="8788" y="4802"/>
                </a:cubicBezTo>
                <a:cubicBezTo>
                  <a:pt x="8788" y="4997"/>
                  <a:pt x="8788" y="5221"/>
                  <a:pt x="8760" y="5416"/>
                </a:cubicBezTo>
                <a:cubicBezTo>
                  <a:pt x="8705" y="5639"/>
                  <a:pt x="8872" y="5862"/>
                  <a:pt x="9095" y="5918"/>
                </a:cubicBezTo>
                <a:lnTo>
                  <a:pt x="9179" y="5918"/>
                </a:lnTo>
                <a:cubicBezTo>
                  <a:pt x="9374" y="5918"/>
                  <a:pt x="9569" y="5751"/>
                  <a:pt x="9597" y="5555"/>
                </a:cubicBezTo>
                <a:cubicBezTo>
                  <a:pt x="9625" y="5304"/>
                  <a:pt x="9653" y="5053"/>
                  <a:pt x="9653" y="4802"/>
                </a:cubicBezTo>
                <a:cubicBezTo>
                  <a:pt x="9653" y="4551"/>
                  <a:pt x="9458" y="4384"/>
                  <a:pt x="9235" y="4384"/>
                </a:cubicBezTo>
                <a:close/>
                <a:moveTo>
                  <a:pt x="856" y="6320"/>
                </a:moveTo>
                <a:cubicBezTo>
                  <a:pt x="794" y="6320"/>
                  <a:pt x="731" y="6334"/>
                  <a:pt x="670" y="6365"/>
                </a:cubicBezTo>
                <a:cubicBezTo>
                  <a:pt x="474" y="6476"/>
                  <a:pt x="391" y="6727"/>
                  <a:pt x="502" y="6950"/>
                </a:cubicBezTo>
                <a:cubicBezTo>
                  <a:pt x="614" y="7174"/>
                  <a:pt x="725" y="7397"/>
                  <a:pt x="893" y="7592"/>
                </a:cubicBezTo>
                <a:cubicBezTo>
                  <a:pt x="977" y="7704"/>
                  <a:pt x="1088" y="7759"/>
                  <a:pt x="1228" y="7759"/>
                </a:cubicBezTo>
                <a:cubicBezTo>
                  <a:pt x="1311" y="7759"/>
                  <a:pt x="1395" y="7732"/>
                  <a:pt x="1479" y="7704"/>
                </a:cubicBezTo>
                <a:cubicBezTo>
                  <a:pt x="1674" y="7564"/>
                  <a:pt x="1702" y="7285"/>
                  <a:pt x="1590" y="7090"/>
                </a:cubicBezTo>
                <a:cubicBezTo>
                  <a:pt x="1451" y="6922"/>
                  <a:pt x="1339" y="6755"/>
                  <a:pt x="1256" y="6560"/>
                </a:cubicBezTo>
                <a:cubicBezTo>
                  <a:pt x="1174" y="6418"/>
                  <a:pt x="1020" y="6320"/>
                  <a:pt x="856" y="6320"/>
                </a:cubicBezTo>
                <a:close/>
                <a:moveTo>
                  <a:pt x="8739" y="6370"/>
                </a:moveTo>
                <a:cubicBezTo>
                  <a:pt x="8592" y="6370"/>
                  <a:pt x="8447" y="6452"/>
                  <a:pt x="8370" y="6588"/>
                </a:cubicBezTo>
                <a:cubicBezTo>
                  <a:pt x="8258" y="6783"/>
                  <a:pt x="8147" y="6950"/>
                  <a:pt x="8035" y="7118"/>
                </a:cubicBezTo>
                <a:cubicBezTo>
                  <a:pt x="7896" y="7313"/>
                  <a:pt x="7951" y="7592"/>
                  <a:pt x="8119" y="7732"/>
                </a:cubicBezTo>
                <a:cubicBezTo>
                  <a:pt x="8202" y="7787"/>
                  <a:pt x="8286" y="7815"/>
                  <a:pt x="8370" y="7815"/>
                </a:cubicBezTo>
                <a:cubicBezTo>
                  <a:pt x="8509" y="7815"/>
                  <a:pt x="8649" y="7759"/>
                  <a:pt x="8732" y="7620"/>
                </a:cubicBezTo>
                <a:cubicBezTo>
                  <a:pt x="8872" y="7425"/>
                  <a:pt x="9011" y="7201"/>
                  <a:pt x="9123" y="6978"/>
                </a:cubicBezTo>
                <a:cubicBezTo>
                  <a:pt x="9235" y="6783"/>
                  <a:pt x="9151" y="6532"/>
                  <a:pt x="8928" y="6420"/>
                </a:cubicBezTo>
                <a:cubicBezTo>
                  <a:pt x="8868" y="6386"/>
                  <a:pt x="8803" y="6370"/>
                  <a:pt x="8739" y="6370"/>
                </a:cubicBezTo>
                <a:close/>
                <a:moveTo>
                  <a:pt x="2184" y="7895"/>
                </a:moveTo>
                <a:cubicBezTo>
                  <a:pt x="2052" y="7895"/>
                  <a:pt x="1923" y="7952"/>
                  <a:pt x="1841" y="8066"/>
                </a:cubicBezTo>
                <a:cubicBezTo>
                  <a:pt x="1702" y="8262"/>
                  <a:pt x="1758" y="8541"/>
                  <a:pt x="1953" y="8680"/>
                </a:cubicBezTo>
                <a:cubicBezTo>
                  <a:pt x="2148" y="8820"/>
                  <a:pt x="2371" y="8959"/>
                  <a:pt x="2595" y="9071"/>
                </a:cubicBezTo>
                <a:cubicBezTo>
                  <a:pt x="2650" y="9099"/>
                  <a:pt x="2706" y="9127"/>
                  <a:pt x="2790" y="9127"/>
                </a:cubicBezTo>
                <a:cubicBezTo>
                  <a:pt x="2929" y="9127"/>
                  <a:pt x="3069" y="9043"/>
                  <a:pt x="3153" y="8903"/>
                </a:cubicBezTo>
                <a:cubicBezTo>
                  <a:pt x="3264" y="8680"/>
                  <a:pt x="3181" y="8429"/>
                  <a:pt x="2985" y="8317"/>
                </a:cubicBezTo>
                <a:cubicBezTo>
                  <a:pt x="2790" y="8206"/>
                  <a:pt x="2623" y="8094"/>
                  <a:pt x="2455" y="7983"/>
                </a:cubicBezTo>
                <a:cubicBezTo>
                  <a:pt x="2374" y="7925"/>
                  <a:pt x="2278" y="7895"/>
                  <a:pt x="2184" y="7895"/>
                </a:cubicBezTo>
                <a:close/>
                <a:moveTo>
                  <a:pt x="7395" y="7931"/>
                </a:moveTo>
                <a:cubicBezTo>
                  <a:pt x="7307" y="7931"/>
                  <a:pt x="7218" y="7956"/>
                  <a:pt x="7142" y="8011"/>
                </a:cubicBezTo>
                <a:cubicBezTo>
                  <a:pt x="6975" y="8122"/>
                  <a:pt x="6807" y="8234"/>
                  <a:pt x="6612" y="8345"/>
                </a:cubicBezTo>
                <a:cubicBezTo>
                  <a:pt x="6417" y="8429"/>
                  <a:pt x="6333" y="8708"/>
                  <a:pt x="6445" y="8903"/>
                </a:cubicBezTo>
                <a:cubicBezTo>
                  <a:pt x="6501" y="9043"/>
                  <a:pt x="6668" y="9127"/>
                  <a:pt x="6807" y="9127"/>
                </a:cubicBezTo>
                <a:cubicBezTo>
                  <a:pt x="6891" y="9127"/>
                  <a:pt x="6947" y="9127"/>
                  <a:pt x="7003" y="9099"/>
                </a:cubicBezTo>
                <a:cubicBezTo>
                  <a:pt x="7226" y="8987"/>
                  <a:pt x="7449" y="8848"/>
                  <a:pt x="7644" y="8708"/>
                </a:cubicBezTo>
                <a:cubicBezTo>
                  <a:pt x="7840" y="8569"/>
                  <a:pt x="7896" y="8290"/>
                  <a:pt x="7756" y="8094"/>
                </a:cubicBezTo>
                <a:cubicBezTo>
                  <a:pt x="7671" y="7992"/>
                  <a:pt x="7534" y="7931"/>
                  <a:pt x="7395" y="7931"/>
                </a:cubicBezTo>
                <a:close/>
                <a:moveTo>
                  <a:pt x="4101" y="8705"/>
                </a:moveTo>
                <a:cubicBezTo>
                  <a:pt x="3897" y="8705"/>
                  <a:pt x="3706" y="8841"/>
                  <a:pt x="3655" y="9071"/>
                </a:cubicBezTo>
                <a:cubicBezTo>
                  <a:pt x="3627" y="9294"/>
                  <a:pt x="3794" y="9517"/>
                  <a:pt x="4018" y="9545"/>
                </a:cubicBezTo>
                <a:cubicBezTo>
                  <a:pt x="4269" y="9601"/>
                  <a:pt x="4520" y="9629"/>
                  <a:pt x="4771" y="9629"/>
                </a:cubicBezTo>
                <a:lnTo>
                  <a:pt x="4799" y="9629"/>
                </a:lnTo>
                <a:cubicBezTo>
                  <a:pt x="5050" y="9629"/>
                  <a:pt x="5329" y="9601"/>
                  <a:pt x="5580" y="9573"/>
                </a:cubicBezTo>
                <a:cubicBezTo>
                  <a:pt x="5803" y="9517"/>
                  <a:pt x="5970" y="9294"/>
                  <a:pt x="5915" y="9071"/>
                </a:cubicBezTo>
                <a:cubicBezTo>
                  <a:pt x="5889" y="8864"/>
                  <a:pt x="5695" y="8705"/>
                  <a:pt x="5489" y="8705"/>
                </a:cubicBezTo>
                <a:cubicBezTo>
                  <a:pt x="5473" y="8705"/>
                  <a:pt x="5457" y="8706"/>
                  <a:pt x="5440" y="8708"/>
                </a:cubicBezTo>
                <a:cubicBezTo>
                  <a:pt x="5245" y="8736"/>
                  <a:pt x="5022" y="8764"/>
                  <a:pt x="4827" y="8764"/>
                </a:cubicBezTo>
                <a:lnTo>
                  <a:pt x="4771" y="8764"/>
                </a:lnTo>
                <a:cubicBezTo>
                  <a:pt x="4576" y="8764"/>
                  <a:pt x="4352" y="8736"/>
                  <a:pt x="4157" y="8708"/>
                </a:cubicBezTo>
                <a:cubicBezTo>
                  <a:pt x="4138" y="8706"/>
                  <a:pt x="4119" y="8705"/>
                  <a:pt x="4101" y="8705"/>
                </a:cubicBezTo>
                <a:close/>
              </a:path>
            </a:pathLst>
          </a:custGeom>
          <a:solidFill>
            <a:schemeClr val="dk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  <p:sp>
        <p:nvSpPr>
          <p:cNvPr id="23" name="Google Shape;23;p2"/>
          <p:cNvSpPr/>
          <p:nvPr/>
        </p:nvSpPr>
        <p:spPr>
          <a:xfrm rot="5400000">
            <a:off x="8107714" y="4420092"/>
            <a:ext cx="316107" cy="316107"/>
          </a:xfrm>
          <a:custGeom>
            <a:avLst/>
            <a:gdLst/>
            <a:ahLst/>
            <a:cxnLst/>
            <a:rect l="l" t="t" r="r" b="b"/>
            <a:pathLst>
              <a:path w="11579" h="11579" extrusionOk="0">
                <a:moveTo>
                  <a:pt x="5775" y="0"/>
                </a:moveTo>
                <a:cubicBezTo>
                  <a:pt x="2595" y="0"/>
                  <a:pt x="0" y="2595"/>
                  <a:pt x="0" y="5776"/>
                </a:cubicBezTo>
                <a:cubicBezTo>
                  <a:pt x="0" y="8984"/>
                  <a:pt x="2595" y="11579"/>
                  <a:pt x="5775" y="11579"/>
                </a:cubicBezTo>
                <a:cubicBezTo>
                  <a:pt x="8984" y="11579"/>
                  <a:pt x="11578" y="8984"/>
                  <a:pt x="11578" y="5776"/>
                </a:cubicBezTo>
                <a:cubicBezTo>
                  <a:pt x="11578" y="2595"/>
                  <a:pt x="8984" y="0"/>
                  <a:pt x="5775" y="0"/>
                </a:cubicBezTo>
                <a:close/>
              </a:path>
            </a:pathLst>
          </a:custGeom>
          <a:solidFill>
            <a:schemeClr val="lt2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87809524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only" type="titleOnly">
  <p:cSld name="1_Title only">
    <p:spTree>
      <p:nvGrpSpPr>
        <p:cNvPr id="1" name="Shape 6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0" name="Google Shape;70;p18"/>
          <p:cNvSpPr txBox="1">
            <a:spLocks noGrp="1"/>
          </p:cNvSpPr>
          <p:nvPr>
            <p:ph type="title"/>
          </p:nvPr>
        </p:nvSpPr>
        <p:spPr>
          <a:xfrm>
            <a:off x="457200" y="411475"/>
            <a:ext cx="8229600" cy="4815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"/>
              <a:buNone/>
              <a:defRPr sz="1800" b="1">
                <a:solidFill>
                  <a:srgbClr val="000000"/>
                </a:solidFill>
                <a:latin typeface="Fira Sans"/>
                <a:ea typeface="Fira Sans"/>
                <a:cs typeface="Fira Sans"/>
                <a:sym typeface="Fira Sans"/>
              </a:defRPr>
            </a:lvl1pPr>
            <a:lvl2pPr lvl="1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"/>
              <a:buNone/>
              <a:defRPr sz="1800" b="1">
                <a:solidFill>
                  <a:srgbClr val="000000"/>
                </a:solidFill>
                <a:latin typeface="Fira Sans"/>
                <a:ea typeface="Fira Sans"/>
                <a:cs typeface="Fira Sans"/>
                <a:sym typeface="Fira Sans"/>
              </a:defRPr>
            </a:lvl2pPr>
            <a:lvl3pPr lvl="2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"/>
              <a:buNone/>
              <a:defRPr sz="1800" b="1">
                <a:solidFill>
                  <a:srgbClr val="000000"/>
                </a:solidFill>
                <a:latin typeface="Fira Sans"/>
                <a:ea typeface="Fira Sans"/>
                <a:cs typeface="Fira Sans"/>
                <a:sym typeface="Fira Sans"/>
              </a:defRPr>
            </a:lvl3pPr>
            <a:lvl4pPr lvl="3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"/>
              <a:buNone/>
              <a:defRPr sz="1800" b="1">
                <a:solidFill>
                  <a:srgbClr val="000000"/>
                </a:solidFill>
                <a:latin typeface="Fira Sans"/>
                <a:ea typeface="Fira Sans"/>
                <a:cs typeface="Fira Sans"/>
                <a:sym typeface="Fira Sans"/>
              </a:defRPr>
            </a:lvl4pPr>
            <a:lvl5pPr lvl="4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"/>
              <a:buNone/>
              <a:defRPr sz="1800" b="1">
                <a:solidFill>
                  <a:srgbClr val="000000"/>
                </a:solidFill>
                <a:latin typeface="Fira Sans"/>
                <a:ea typeface="Fira Sans"/>
                <a:cs typeface="Fira Sans"/>
                <a:sym typeface="Fira Sans"/>
              </a:defRPr>
            </a:lvl5pPr>
            <a:lvl6pPr lvl="5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"/>
              <a:buNone/>
              <a:defRPr sz="1800" b="1">
                <a:solidFill>
                  <a:srgbClr val="000000"/>
                </a:solidFill>
                <a:latin typeface="Fira Sans"/>
                <a:ea typeface="Fira Sans"/>
                <a:cs typeface="Fira Sans"/>
                <a:sym typeface="Fira Sans"/>
              </a:defRPr>
            </a:lvl6pPr>
            <a:lvl7pPr lvl="6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"/>
              <a:buNone/>
              <a:defRPr sz="1800" b="1">
                <a:solidFill>
                  <a:srgbClr val="000000"/>
                </a:solidFill>
                <a:latin typeface="Fira Sans"/>
                <a:ea typeface="Fira Sans"/>
                <a:cs typeface="Fira Sans"/>
                <a:sym typeface="Fira Sans"/>
              </a:defRPr>
            </a:lvl7pPr>
            <a:lvl8pPr lvl="7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"/>
              <a:buNone/>
              <a:defRPr sz="1800" b="1">
                <a:solidFill>
                  <a:srgbClr val="000000"/>
                </a:solidFill>
                <a:latin typeface="Fira Sans"/>
                <a:ea typeface="Fira Sans"/>
                <a:cs typeface="Fira Sans"/>
                <a:sym typeface="Fira Sans"/>
              </a:defRPr>
            </a:lvl8pPr>
            <a:lvl9pPr lvl="8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Fira Sans"/>
              <a:buNone/>
              <a:defRPr sz="1800" b="1">
                <a:solidFill>
                  <a:srgbClr val="000000"/>
                </a:solidFill>
                <a:latin typeface="Fira Sans"/>
                <a:ea typeface="Fira Sans"/>
                <a:cs typeface="Fira Sans"/>
                <a:sym typeface="Fira Sans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87344214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only 2">
  <p:cSld name="Title only 2">
    <p:spTree>
      <p:nvGrpSpPr>
        <p:cNvPr id="1" name="Shape 13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8" name="Google Shape;138;p15"/>
          <p:cNvSpPr txBox="1">
            <a:spLocks noGrp="1"/>
          </p:cNvSpPr>
          <p:nvPr>
            <p:ph type="title"/>
          </p:nvPr>
        </p:nvSpPr>
        <p:spPr>
          <a:xfrm>
            <a:off x="720000" y="544429"/>
            <a:ext cx="7704000" cy="5727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SzPts val="3500"/>
              <a:buNone/>
              <a:defRPr/>
            </a:lvl1pPr>
            <a:lvl2pPr lvl="1" rtl="0">
              <a:spcBef>
                <a:spcPts val="0"/>
              </a:spcBef>
              <a:spcAft>
                <a:spcPts val="0"/>
              </a:spcAft>
              <a:buSzPts val="3500"/>
              <a:buNone/>
              <a:defRPr/>
            </a:lvl2pPr>
            <a:lvl3pPr lvl="2" rtl="0">
              <a:spcBef>
                <a:spcPts val="0"/>
              </a:spcBef>
              <a:spcAft>
                <a:spcPts val="0"/>
              </a:spcAft>
              <a:buSzPts val="3500"/>
              <a:buNone/>
              <a:defRPr/>
            </a:lvl3pPr>
            <a:lvl4pPr lvl="3" rtl="0">
              <a:spcBef>
                <a:spcPts val="0"/>
              </a:spcBef>
              <a:spcAft>
                <a:spcPts val="0"/>
              </a:spcAft>
              <a:buSzPts val="3500"/>
              <a:buNone/>
              <a:defRPr/>
            </a:lvl4pPr>
            <a:lvl5pPr lvl="4" rtl="0">
              <a:spcBef>
                <a:spcPts val="0"/>
              </a:spcBef>
              <a:spcAft>
                <a:spcPts val="0"/>
              </a:spcAft>
              <a:buSzPts val="3500"/>
              <a:buNone/>
              <a:defRPr/>
            </a:lvl5pPr>
            <a:lvl6pPr lvl="5" rtl="0">
              <a:spcBef>
                <a:spcPts val="0"/>
              </a:spcBef>
              <a:spcAft>
                <a:spcPts val="0"/>
              </a:spcAft>
              <a:buSzPts val="3500"/>
              <a:buNone/>
              <a:defRPr/>
            </a:lvl6pPr>
            <a:lvl7pPr lvl="6" rtl="0">
              <a:spcBef>
                <a:spcPts val="0"/>
              </a:spcBef>
              <a:spcAft>
                <a:spcPts val="0"/>
              </a:spcAft>
              <a:buSzPts val="3500"/>
              <a:buNone/>
              <a:defRPr/>
            </a:lvl7pPr>
            <a:lvl8pPr lvl="7" rtl="0">
              <a:spcBef>
                <a:spcPts val="0"/>
              </a:spcBef>
              <a:spcAft>
                <a:spcPts val="0"/>
              </a:spcAft>
              <a:buSzPts val="3500"/>
              <a:buNone/>
              <a:defRPr/>
            </a:lvl8pPr>
            <a:lvl9pPr lvl="8" rtl="0">
              <a:spcBef>
                <a:spcPts val="0"/>
              </a:spcBef>
              <a:spcAft>
                <a:spcPts val="0"/>
              </a:spcAft>
              <a:buSzPts val="3500"/>
              <a:buNone/>
              <a:defRPr/>
            </a:lvl9pPr>
          </a:lstStyle>
          <a:p>
            <a:endParaRPr/>
          </a:p>
        </p:txBody>
      </p:sp>
      <p:sp>
        <p:nvSpPr>
          <p:cNvPr id="139" name="Google Shape;139;p15"/>
          <p:cNvSpPr/>
          <p:nvPr/>
        </p:nvSpPr>
        <p:spPr>
          <a:xfrm>
            <a:off x="278331" y="4142454"/>
            <a:ext cx="295550" cy="295550"/>
          </a:xfrm>
          <a:custGeom>
            <a:avLst/>
            <a:gdLst/>
            <a:ahLst/>
            <a:cxnLst/>
            <a:rect l="l" t="t" r="r" b="b"/>
            <a:pathLst>
              <a:path w="10826" h="10826" extrusionOk="0">
                <a:moveTo>
                  <a:pt x="5413" y="0"/>
                </a:moveTo>
                <a:cubicBezTo>
                  <a:pt x="2428" y="0"/>
                  <a:pt x="1" y="2427"/>
                  <a:pt x="1" y="5413"/>
                </a:cubicBezTo>
                <a:cubicBezTo>
                  <a:pt x="1" y="8398"/>
                  <a:pt x="2428" y="10825"/>
                  <a:pt x="5413" y="10825"/>
                </a:cubicBezTo>
                <a:cubicBezTo>
                  <a:pt x="8398" y="10825"/>
                  <a:pt x="10826" y="8398"/>
                  <a:pt x="10826" y="5413"/>
                </a:cubicBezTo>
                <a:cubicBezTo>
                  <a:pt x="10826" y="2427"/>
                  <a:pt x="8398" y="0"/>
                  <a:pt x="5413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  <p:grpSp>
        <p:nvGrpSpPr>
          <p:cNvPr id="140" name="Google Shape;140;p15"/>
          <p:cNvGrpSpPr/>
          <p:nvPr/>
        </p:nvGrpSpPr>
        <p:grpSpPr>
          <a:xfrm>
            <a:off x="330119" y="3823672"/>
            <a:ext cx="187414" cy="449030"/>
            <a:chOff x="6425819" y="2473772"/>
            <a:chExt cx="187414" cy="449030"/>
          </a:xfrm>
        </p:grpSpPr>
        <p:sp>
          <p:nvSpPr>
            <p:cNvPr id="141" name="Google Shape;141;p15"/>
            <p:cNvSpPr/>
            <p:nvPr/>
          </p:nvSpPr>
          <p:spPr>
            <a:xfrm>
              <a:off x="6507337" y="2484091"/>
              <a:ext cx="105897" cy="438711"/>
            </a:xfrm>
            <a:custGeom>
              <a:avLst/>
              <a:gdLst/>
              <a:ahLst/>
              <a:cxnLst/>
              <a:rect l="l" t="t" r="r" b="b"/>
              <a:pathLst>
                <a:path w="3879" h="16070" extrusionOk="0">
                  <a:moveTo>
                    <a:pt x="419" y="0"/>
                  </a:moveTo>
                  <a:cubicBezTo>
                    <a:pt x="168" y="0"/>
                    <a:pt x="0" y="195"/>
                    <a:pt x="0" y="419"/>
                  </a:cubicBezTo>
                  <a:lnTo>
                    <a:pt x="0" y="1116"/>
                  </a:lnTo>
                  <a:cubicBezTo>
                    <a:pt x="0" y="1367"/>
                    <a:pt x="168" y="1562"/>
                    <a:pt x="419" y="1562"/>
                  </a:cubicBezTo>
                  <a:cubicBezTo>
                    <a:pt x="530" y="1562"/>
                    <a:pt x="642" y="1507"/>
                    <a:pt x="726" y="1423"/>
                  </a:cubicBezTo>
                  <a:lnTo>
                    <a:pt x="921" y="1730"/>
                  </a:lnTo>
                  <a:cubicBezTo>
                    <a:pt x="977" y="1841"/>
                    <a:pt x="1144" y="1925"/>
                    <a:pt x="1283" y="1925"/>
                  </a:cubicBezTo>
                  <a:cubicBezTo>
                    <a:pt x="1339" y="1925"/>
                    <a:pt x="1423" y="1897"/>
                    <a:pt x="1507" y="1869"/>
                  </a:cubicBezTo>
                  <a:cubicBezTo>
                    <a:pt x="1702" y="1758"/>
                    <a:pt x="1758" y="1479"/>
                    <a:pt x="1646" y="1283"/>
                  </a:cubicBezTo>
                  <a:lnTo>
                    <a:pt x="1283" y="698"/>
                  </a:lnTo>
                  <a:cubicBezTo>
                    <a:pt x="1217" y="565"/>
                    <a:pt x="1081" y="485"/>
                    <a:pt x="944" y="485"/>
                  </a:cubicBezTo>
                  <a:cubicBezTo>
                    <a:pt x="908" y="485"/>
                    <a:pt x="872" y="491"/>
                    <a:pt x="837" y="502"/>
                  </a:cubicBezTo>
                  <a:lnTo>
                    <a:pt x="837" y="419"/>
                  </a:lnTo>
                  <a:cubicBezTo>
                    <a:pt x="837" y="195"/>
                    <a:pt x="642" y="0"/>
                    <a:pt x="419" y="0"/>
                  </a:cubicBezTo>
                  <a:close/>
                  <a:moveTo>
                    <a:pt x="419" y="2093"/>
                  </a:moveTo>
                  <a:cubicBezTo>
                    <a:pt x="168" y="2093"/>
                    <a:pt x="0" y="2260"/>
                    <a:pt x="0" y="2511"/>
                  </a:cubicBezTo>
                  <a:lnTo>
                    <a:pt x="0" y="3209"/>
                  </a:lnTo>
                  <a:cubicBezTo>
                    <a:pt x="0" y="3432"/>
                    <a:pt x="168" y="3627"/>
                    <a:pt x="419" y="3627"/>
                  </a:cubicBezTo>
                  <a:cubicBezTo>
                    <a:pt x="642" y="3627"/>
                    <a:pt x="837" y="3432"/>
                    <a:pt x="837" y="3209"/>
                  </a:cubicBezTo>
                  <a:lnTo>
                    <a:pt x="837" y="2511"/>
                  </a:lnTo>
                  <a:cubicBezTo>
                    <a:pt x="837" y="2260"/>
                    <a:pt x="642" y="2093"/>
                    <a:pt x="419" y="2093"/>
                  </a:cubicBezTo>
                  <a:close/>
                  <a:moveTo>
                    <a:pt x="1972" y="2260"/>
                  </a:moveTo>
                  <a:cubicBezTo>
                    <a:pt x="1897" y="2260"/>
                    <a:pt x="1823" y="2279"/>
                    <a:pt x="1758" y="2316"/>
                  </a:cubicBezTo>
                  <a:cubicBezTo>
                    <a:pt x="1562" y="2455"/>
                    <a:pt x="1507" y="2706"/>
                    <a:pt x="1618" y="2902"/>
                  </a:cubicBezTo>
                  <a:lnTo>
                    <a:pt x="1953" y="3515"/>
                  </a:lnTo>
                  <a:cubicBezTo>
                    <a:pt x="2037" y="3627"/>
                    <a:pt x="2176" y="3711"/>
                    <a:pt x="2344" y="3711"/>
                  </a:cubicBezTo>
                  <a:cubicBezTo>
                    <a:pt x="2399" y="3711"/>
                    <a:pt x="2483" y="3683"/>
                    <a:pt x="2539" y="3655"/>
                  </a:cubicBezTo>
                  <a:cubicBezTo>
                    <a:pt x="2762" y="3543"/>
                    <a:pt x="2818" y="3264"/>
                    <a:pt x="2706" y="3069"/>
                  </a:cubicBezTo>
                  <a:lnTo>
                    <a:pt x="2344" y="2483"/>
                  </a:lnTo>
                  <a:cubicBezTo>
                    <a:pt x="2269" y="2334"/>
                    <a:pt x="2120" y="2260"/>
                    <a:pt x="1972" y="2260"/>
                  </a:cubicBezTo>
                  <a:close/>
                  <a:moveTo>
                    <a:pt x="3032" y="4045"/>
                  </a:moveTo>
                  <a:cubicBezTo>
                    <a:pt x="2957" y="4045"/>
                    <a:pt x="2883" y="4064"/>
                    <a:pt x="2818" y="4101"/>
                  </a:cubicBezTo>
                  <a:cubicBezTo>
                    <a:pt x="2623" y="4241"/>
                    <a:pt x="2539" y="4492"/>
                    <a:pt x="2678" y="4687"/>
                  </a:cubicBezTo>
                  <a:lnTo>
                    <a:pt x="3013" y="5273"/>
                  </a:lnTo>
                  <a:cubicBezTo>
                    <a:pt x="3097" y="5413"/>
                    <a:pt x="3236" y="5496"/>
                    <a:pt x="3404" y="5496"/>
                  </a:cubicBezTo>
                  <a:cubicBezTo>
                    <a:pt x="3460" y="5496"/>
                    <a:pt x="3543" y="5468"/>
                    <a:pt x="3599" y="5440"/>
                  </a:cubicBezTo>
                  <a:cubicBezTo>
                    <a:pt x="3822" y="5329"/>
                    <a:pt x="3878" y="5050"/>
                    <a:pt x="3767" y="4855"/>
                  </a:cubicBezTo>
                  <a:lnTo>
                    <a:pt x="3404" y="4269"/>
                  </a:lnTo>
                  <a:cubicBezTo>
                    <a:pt x="3329" y="4120"/>
                    <a:pt x="3181" y="4045"/>
                    <a:pt x="3032" y="4045"/>
                  </a:cubicBezTo>
                  <a:close/>
                  <a:moveTo>
                    <a:pt x="419" y="4157"/>
                  </a:moveTo>
                  <a:cubicBezTo>
                    <a:pt x="168" y="4157"/>
                    <a:pt x="0" y="4352"/>
                    <a:pt x="0" y="4576"/>
                  </a:cubicBezTo>
                  <a:lnTo>
                    <a:pt x="0" y="5273"/>
                  </a:lnTo>
                  <a:cubicBezTo>
                    <a:pt x="0" y="5496"/>
                    <a:pt x="168" y="5692"/>
                    <a:pt x="419" y="5692"/>
                  </a:cubicBezTo>
                  <a:cubicBezTo>
                    <a:pt x="642" y="5692"/>
                    <a:pt x="837" y="5496"/>
                    <a:pt x="837" y="5273"/>
                  </a:cubicBezTo>
                  <a:lnTo>
                    <a:pt x="837" y="4576"/>
                  </a:lnTo>
                  <a:cubicBezTo>
                    <a:pt x="837" y="4352"/>
                    <a:pt x="642" y="4157"/>
                    <a:pt x="419" y="4157"/>
                  </a:cubicBezTo>
                  <a:close/>
                  <a:moveTo>
                    <a:pt x="419" y="6222"/>
                  </a:moveTo>
                  <a:cubicBezTo>
                    <a:pt x="168" y="6222"/>
                    <a:pt x="0" y="6417"/>
                    <a:pt x="0" y="6640"/>
                  </a:cubicBezTo>
                  <a:lnTo>
                    <a:pt x="0" y="7338"/>
                  </a:lnTo>
                  <a:cubicBezTo>
                    <a:pt x="0" y="7589"/>
                    <a:pt x="168" y="7784"/>
                    <a:pt x="419" y="7784"/>
                  </a:cubicBezTo>
                  <a:cubicBezTo>
                    <a:pt x="642" y="7784"/>
                    <a:pt x="837" y="7589"/>
                    <a:pt x="837" y="7338"/>
                  </a:cubicBezTo>
                  <a:lnTo>
                    <a:pt x="837" y="6640"/>
                  </a:lnTo>
                  <a:cubicBezTo>
                    <a:pt x="837" y="6417"/>
                    <a:pt x="642" y="6222"/>
                    <a:pt x="419" y="6222"/>
                  </a:cubicBezTo>
                  <a:close/>
                  <a:moveTo>
                    <a:pt x="419" y="8314"/>
                  </a:moveTo>
                  <a:cubicBezTo>
                    <a:pt x="168" y="8314"/>
                    <a:pt x="0" y="8481"/>
                    <a:pt x="0" y="8733"/>
                  </a:cubicBezTo>
                  <a:lnTo>
                    <a:pt x="0" y="9430"/>
                  </a:lnTo>
                  <a:cubicBezTo>
                    <a:pt x="0" y="9653"/>
                    <a:pt x="168" y="9848"/>
                    <a:pt x="419" y="9848"/>
                  </a:cubicBezTo>
                  <a:cubicBezTo>
                    <a:pt x="642" y="9848"/>
                    <a:pt x="837" y="9653"/>
                    <a:pt x="837" y="9430"/>
                  </a:cubicBezTo>
                  <a:lnTo>
                    <a:pt x="837" y="8733"/>
                  </a:lnTo>
                  <a:cubicBezTo>
                    <a:pt x="837" y="8481"/>
                    <a:pt x="642" y="8314"/>
                    <a:pt x="419" y="8314"/>
                  </a:cubicBezTo>
                  <a:close/>
                  <a:moveTo>
                    <a:pt x="419" y="10379"/>
                  </a:moveTo>
                  <a:cubicBezTo>
                    <a:pt x="168" y="10379"/>
                    <a:pt x="0" y="10574"/>
                    <a:pt x="0" y="10797"/>
                  </a:cubicBezTo>
                  <a:lnTo>
                    <a:pt x="0" y="11495"/>
                  </a:lnTo>
                  <a:cubicBezTo>
                    <a:pt x="0" y="11718"/>
                    <a:pt x="168" y="11913"/>
                    <a:pt x="419" y="11913"/>
                  </a:cubicBezTo>
                  <a:cubicBezTo>
                    <a:pt x="642" y="11913"/>
                    <a:pt x="837" y="11718"/>
                    <a:pt x="837" y="11495"/>
                  </a:cubicBezTo>
                  <a:lnTo>
                    <a:pt x="837" y="10797"/>
                  </a:lnTo>
                  <a:cubicBezTo>
                    <a:pt x="837" y="10574"/>
                    <a:pt x="642" y="10379"/>
                    <a:pt x="419" y="10379"/>
                  </a:cubicBezTo>
                  <a:close/>
                  <a:moveTo>
                    <a:pt x="419" y="12443"/>
                  </a:moveTo>
                  <a:cubicBezTo>
                    <a:pt x="168" y="12443"/>
                    <a:pt x="0" y="12638"/>
                    <a:pt x="0" y="12862"/>
                  </a:cubicBezTo>
                  <a:lnTo>
                    <a:pt x="0" y="13559"/>
                  </a:lnTo>
                  <a:cubicBezTo>
                    <a:pt x="0" y="13810"/>
                    <a:pt x="168" y="14005"/>
                    <a:pt x="419" y="14005"/>
                  </a:cubicBezTo>
                  <a:cubicBezTo>
                    <a:pt x="642" y="14005"/>
                    <a:pt x="837" y="13810"/>
                    <a:pt x="837" y="13559"/>
                  </a:cubicBezTo>
                  <a:lnTo>
                    <a:pt x="837" y="12862"/>
                  </a:lnTo>
                  <a:cubicBezTo>
                    <a:pt x="837" y="12638"/>
                    <a:pt x="642" y="12443"/>
                    <a:pt x="419" y="12443"/>
                  </a:cubicBezTo>
                  <a:close/>
                  <a:moveTo>
                    <a:pt x="419" y="14536"/>
                  </a:moveTo>
                  <a:cubicBezTo>
                    <a:pt x="168" y="14536"/>
                    <a:pt x="0" y="14703"/>
                    <a:pt x="0" y="14954"/>
                  </a:cubicBezTo>
                  <a:lnTo>
                    <a:pt x="0" y="15651"/>
                  </a:lnTo>
                  <a:cubicBezTo>
                    <a:pt x="0" y="15875"/>
                    <a:pt x="168" y="16070"/>
                    <a:pt x="419" y="16070"/>
                  </a:cubicBezTo>
                  <a:cubicBezTo>
                    <a:pt x="642" y="16070"/>
                    <a:pt x="837" y="15875"/>
                    <a:pt x="837" y="15651"/>
                  </a:cubicBezTo>
                  <a:lnTo>
                    <a:pt x="837" y="14954"/>
                  </a:lnTo>
                  <a:cubicBezTo>
                    <a:pt x="837" y="14703"/>
                    <a:pt x="642" y="14536"/>
                    <a:pt x="419" y="14536"/>
                  </a:cubicBezTo>
                  <a:close/>
                </a:path>
              </a:pathLst>
            </a:custGeom>
            <a:solidFill>
              <a:schemeClr val="dk1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dirty="0"/>
            </a:p>
          </p:txBody>
        </p:sp>
        <p:sp>
          <p:nvSpPr>
            <p:cNvPr id="142" name="Google Shape;142;p15"/>
            <p:cNvSpPr/>
            <p:nvPr/>
          </p:nvSpPr>
          <p:spPr>
            <a:xfrm>
              <a:off x="6425819" y="2473772"/>
              <a:ext cx="105897" cy="129156"/>
            </a:xfrm>
            <a:custGeom>
              <a:avLst/>
              <a:gdLst/>
              <a:ahLst/>
              <a:cxnLst/>
              <a:rect l="l" t="t" r="r" b="b"/>
              <a:pathLst>
                <a:path w="3879" h="4731" extrusionOk="0">
                  <a:moveTo>
                    <a:pt x="3402" y="0"/>
                  </a:moveTo>
                  <a:cubicBezTo>
                    <a:pt x="3275" y="0"/>
                    <a:pt x="3153" y="67"/>
                    <a:pt x="3070" y="183"/>
                  </a:cubicBezTo>
                  <a:lnTo>
                    <a:pt x="2651" y="713"/>
                  </a:lnTo>
                  <a:cubicBezTo>
                    <a:pt x="2512" y="908"/>
                    <a:pt x="2540" y="1187"/>
                    <a:pt x="2735" y="1327"/>
                  </a:cubicBezTo>
                  <a:cubicBezTo>
                    <a:pt x="2791" y="1382"/>
                    <a:pt x="2902" y="1410"/>
                    <a:pt x="2986" y="1410"/>
                  </a:cubicBezTo>
                  <a:cubicBezTo>
                    <a:pt x="3126" y="1410"/>
                    <a:pt x="3237" y="1355"/>
                    <a:pt x="3321" y="1243"/>
                  </a:cubicBezTo>
                  <a:lnTo>
                    <a:pt x="3739" y="685"/>
                  </a:lnTo>
                  <a:cubicBezTo>
                    <a:pt x="3879" y="490"/>
                    <a:pt x="3851" y="239"/>
                    <a:pt x="3656" y="99"/>
                  </a:cubicBezTo>
                  <a:cubicBezTo>
                    <a:pt x="3576" y="31"/>
                    <a:pt x="3488" y="0"/>
                    <a:pt x="3402" y="0"/>
                  </a:cubicBezTo>
                  <a:close/>
                  <a:moveTo>
                    <a:pt x="2151" y="1658"/>
                  </a:moveTo>
                  <a:cubicBezTo>
                    <a:pt x="2025" y="1658"/>
                    <a:pt x="1896" y="1715"/>
                    <a:pt x="1814" y="1829"/>
                  </a:cubicBezTo>
                  <a:lnTo>
                    <a:pt x="1396" y="2387"/>
                  </a:lnTo>
                  <a:cubicBezTo>
                    <a:pt x="1256" y="2582"/>
                    <a:pt x="1284" y="2833"/>
                    <a:pt x="1480" y="2973"/>
                  </a:cubicBezTo>
                  <a:cubicBezTo>
                    <a:pt x="1563" y="3029"/>
                    <a:pt x="1647" y="3056"/>
                    <a:pt x="1731" y="3056"/>
                  </a:cubicBezTo>
                  <a:cubicBezTo>
                    <a:pt x="1870" y="3056"/>
                    <a:pt x="1982" y="3001"/>
                    <a:pt x="2065" y="2889"/>
                  </a:cubicBezTo>
                  <a:lnTo>
                    <a:pt x="2484" y="2331"/>
                  </a:lnTo>
                  <a:cubicBezTo>
                    <a:pt x="2623" y="2164"/>
                    <a:pt x="2596" y="1885"/>
                    <a:pt x="2400" y="1745"/>
                  </a:cubicBezTo>
                  <a:cubicBezTo>
                    <a:pt x="2331" y="1687"/>
                    <a:pt x="2241" y="1658"/>
                    <a:pt x="2151" y="1658"/>
                  </a:cubicBezTo>
                  <a:close/>
                  <a:moveTo>
                    <a:pt x="919" y="3312"/>
                  </a:moveTo>
                  <a:cubicBezTo>
                    <a:pt x="781" y="3312"/>
                    <a:pt x="644" y="3373"/>
                    <a:pt x="559" y="3475"/>
                  </a:cubicBezTo>
                  <a:lnTo>
                    <a:pt x="140" y="4033"/>
                  </a:lnTo>
                  <a:cubicBezTo>
                    <a:pt x="1" y="4228"/>
                    <a:pt x="57" y="4507"/>
                    <a:pt x="224" y="4647"/>
                  </a:cubicBezTo>
                  <a:cubicBezTo>
                    <a:pt x="308" y="4702"/>
                    <a:pt x="392" y="4730"/>
                    <a:pt x="503" y="4730"/>
                  </a:cubicBezTo>
                  <a:cubicBezTo>
                    <a:pt x="615" y="4730"/>
                    <a:pt x="754" y="4675"/>
                    <a:pt x="838" y="4563"/>
                  </a:cubicBezTo>
                  <a:lnTo>
                    <a:pt x="1256" y="4005"/>
                  </a:lnTo>
                  <a:cubicBezTo>
                    <a:pt x="1396" y="3810"/>
                    <a:pt x="1340" y="3531"/>
                    <a:pt x="1173" y="3391"/>
                  </a:cubicBezTo>
                  <a:cubicBezTo>
                    <a:pt x="1097" y="3337"/>
                    <a:pt x="1008" y="3312"/>
                    <a:pt x="919" y="3312"/>
                  </a:cubicBezTo>
                  <a:close/>
                </a:path>
              </a:pathLst>
            </a:custGeom>
            <a:solidFill>
              <a:schemeClr val="dk1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dirty="0"/>
            </a:p>
          </p:txBody>
        </p:sp>
      </p:grpSp>
      <p:sp>
        <p:nvSpPr>
          <p:cNvPr id="143" name="Google Shape;143;p15"/>
          <p:cNvSpPr/>
          <p:nvPr/>
        </p:nvSpPr>
        <p:spPr>
          <a:xfrm>
            <a:off x="55154" y="3368180"/>
            <a:ext cx="223178" cy="221949"/>
          </a:xfrm>
          <a:custGeom>
            <a:avLst/>
            <a:gdLst/>
            <a:ahLst/>
            <a:cxnLst/>
            <a:rect l="l" t="t" r="r" b="b"/>
            <a:pathLst>
              <a:path w="8175" h="8130" extrusionOk="0">
                <a:moveTo>
                  <a:pt x="3658" y="0"/>
                </a:moveTo>
                <a:cubicBezTo>
                  <a:pt x="3630" y="0"/>
                  <a:pt x="3601" y="4"/>
                  <a:pt x="3572" y="11"/>
                </a:cubicBezTo>
                <a:cubicBezTo>
                  <a:pt x="3321" y="39"/>
                  <a:pt x="3069" y="95"/>
                  <a:pt x="2818" y="178"/>
                </a:cubicBezTo>
                <a:cubicBezTo>
                  <a:pt x="2595" y="234"/>
                  <a:pt x="2484" y="485"/>
                  <a:pt x="2539" y="708"/>
                </a:cubicBezTo>
                <a:cubicBezTo>
                  <a:pt x="2595" y="876"/>
                  <a:pt x="2763" y="987"/>
                  <a:pt x="2958" y="987"/>
                </a:cubicBezTo>
                <a:lnTo>
                  <a:pt x="3069" y="987"/>
                </a:lnTo>
                <a:cubicBezTo>
                  <a:pt x="3265" y="904"/>
                  <a:pt x="3488" y="876"/>
                  <a:pt x="3683" y="848"/>
                </a:cubicBezTo>
                <a:cubicBezTo>
                  <a:pt x="3906" y="820"/>
                  <a:pt x="4074" y="597"/>
                  <a:pt x="4046" y="374"/>
                </a:cubicBezTo>
                <a:cubicBezTo>
                  <a:pt x="4022" y="155"/>
                  <a:pt x="3850" y="0"/>
                  <a:pt x="3658" y="0"/>
                </a:cubicBezTo>
                <a:close/>
                <a:moveTo>
                  <a:pt x="5005" y="82"/>
                </a:moveTo>
                <a:cubicBezTo>
                  <a:pt x="4812" y="82"/>
                  <a:pt x="4623" y="212"/>
                  <a:pt x="4576" y="402"/>
                </a:cubicBezTo>
                <a:cubicBezTo>
                  <a:pt x="4520" y="625"/>
                  <a:pt x="4660" y="848"/>
                  <a:pt x="4883" y="904"/>
                </a:cubicBezTo>
                <a:cubicBezTo>
                  <a:pt x="5078" y="960"/>
                  <a:pt x="5273" y="1043"/>
                  <a:pt x="5469" y="1127"/>
                </a:cubicBezTo>
                <a:cubicBezTo>
                  <a:pt x="5525" y="1155"/>
                  <a:pt x="5580" y="1155"/>
                  <a:pt x="5636" y="1155"/>
                </a:cubicBezTo>
                <a:cubicBezTo>
                  <a:pt x="5804" y="1155"/>
                  <a:pt x="5943" y="1071"/>
                  <a:pt x="6027" y="904"/>
                </a:cubicBezTo>
                <a:cubicBezTo>
                  <a:pt x="6138" y="708"/>
                  <a:pt x="6027" y="457"/>
                  <a:pt x="5831" y="346"/>
                </a:cubicBezTo>
                <a:cubicBezTo>
                  <a:pt x="5580" y="234"/>
                  <a:pt x="5357" y="150"/>
                  <a:pt x="5106" y="95"/>
                </a:cubicBezTo>
                <a:cubicBezTo>
                  <a:pt x="5073" y="86"/>
                  <a:pt x="5039" y="82"/>
                  <a:pt x="5005" y="82"/>
                </a:cubicBezTo>
                <a:close/>
                <a:moveTo>
                  <a:pt x="1739" y="814"/>
                </a:moveTo>
                <a:cubicBezTo>
                  <a:pt x="1645" y="814"/>
                  <a:pt x="1552" y="843"/>
                  <a:pt x="1479" y="904"/>
                </a:cubicBezTo>
                <a:cubicBezTo>
                  <a:pt x="1284" y="1071"/>
                  <a:pt x="1089" y="1266"/>
                  <a:pt x="921" y="1462"/>
                </a:cubicBezTo>
                <a:cubicBezTo>
                  <a:pt x="782" y="1657"/>
                  <a:pt x="810" y="1908"/>
                  <a:pt x="1005" y="2048"/>
                </a:cubicBezTo>
                <a:cubicBezTo>
                  <a:pt x="1061" y="2131"/>
                  <a:pt x="1172" y="2159"/>
                  <a:pt x="1256" y="2159"/>
                </a:cubicBezTo>
                <a:cubicBezTo>
                  <a:pt x="1395" y="2159"/>
                  <a:pt x="1507" y="2103"/>
                  <a:pt x="1591" y="1992"/>
                </a:cubicBezTo>
                <a:cubicBezTo>
                  <a:pt x="1730" y="1852"/>
                  <a:pt x="1870" y="1713"/>
                  <a:pt x="2009" y="1573"/>
                </a:cubicBezTo>
                <a:cubicBezTo>
                  <a:pt x="2205" y="1406"/>
                  <a:pt x="2232" y="1155"/>
                  <a:pt x="2065" y="960"/>
                </a:cubicBezTo>
                <a:cubicBezTo>
                  <a:pt x="1986" y="864"/>
                  <a:pt x="1862" y="814"/>
                  <a:pt x="1739" y="814"/>
                </a:cubicBezTo>
                <a:close/>
                <a:moveTo>
                  <a:pt x="6766" y="1113"/>
                </a:moveTo>
                <a:cubicBezTo>
                  <a:pt x="6661" y="1113"/>
                  <a:pt x="6557" y="1155"/>
                  <a:pt x="6473" y="1239"/>
                </a:cubicBezTo>
                <a:cubicBezTo>
                  <a:pt x="6306" y="1406"/>
                  <a:pt x="6278" y="1657"/>
                  <a:pt x="6445" y="1824"/>
                </a:cubicBezTo>
                <a:cubicBezTo>
                  <a:pt x="6585" y="1992"/>
                  <a:pt x="6724" y="2159"/>
                  <a:pt x="6808" y="2327"/>
                </a:cubicBezTo>
                <a:cubicBezTo>
                  <a:pt x="6892" y="2438"/>
                  <a:pt x="7031" y="2522"/>
                  <a:pt x="7171" y="2522"/>
                </a:cubicBezTo>
                <a:cubicBezTo>
                  <a:pt x="7254" y="2522"/>
                  <a:pt x="7338" y="2494"/>
                  <a:pt x="7422" y="2438"/>
                </a:cubicBezTo>
                <a:cubicBezTo>
                  <a:pt x="7617" y="2327"/>
                  <a:pt x="7673" y="2048"/>
                  <a:pt x="7533" y="1852"/>
                </a:cubicBezTo>
                <a:cubicBezTo>
                  <a:pt x="7394" y="1629"/>
                  <a:pt x="7254" y="1434"/>
                  <a:pt x="7059" y="1239"/>
                </a:cubicBezTo>
                <a:cubicBezTo>
                  <a:pt x="6975" y="1155"/>
                  <a:pt x="6871" y="1113"/>
                  <a:pt x="6766" y="1113"/>
                </a:cubicBezTo>
                <a:close/>
                <a:moveTo>
                  <a:pt x="612" y="2508"/>
                </a:moveTo>
                <a:cubicBezTo>
                  <a:pt x="430" y="2508"/>
                  <a:pt x="265" y="2616"/>
                  <a:pt x="196" y="2801"/>
                </a:cubicBezTo>
                <a:cubicBezTo>
                  <a:pt x="112" y="3052"/>
                  <a:pt x="56" y="3303"/>
                  <a:pt x="28" y="3554"/>
                </a:cubicBezTo>
                <a:cubicBezTo>
                  <a:pt x="1" y="3805"/>
                  <a:pt x="168" y="4001"/>
                  <a:pt x="419" y="4028"/>
                </a:cubicBezTo>
                <a:lnTo>
                  <a:pt x="447" y="4028"/>
                </a:lnTo>
                <a:cubicBezTo>
                  <a:pt x="670" y="4028"/>
                  <a:pt x="865" y="3889"/>
                  <a:pt x="893" y="3666"/>
                </a:cubicBezTo>
                <a:cubicBezTo>
                  <a:pt x="893" y="3470"/>
                  <a:pt x="949" y="3247"/>
                  <a:pt x="1005" y="3080"/>
                </a:cubicBezTo>
                <a:cubicBezTo>
                  <a:pt x="1089" y="2857"/>
                  <a:pt x="949" y="2606"/>
                  <a:pt x="726" y="2522"/>
                </a:cubicBezTo>
                <a:cubicBezTo>
                  <a:pt x="688" y="2512"/>
                  <a:pt x="649" y="2508"/>
                  <a:pt x="612" y="2508"/>
                </a:cubicBezTo>
                <a:close/>
                <a:moveTo>
                  <a:pt x="7674" y="2937"/>
                </a:moveTo>
                <a:cubicBezTo>
                  <a:pt x="7655" y="2937"/>
                  <a:pt x="7636" y="2938"/>
                  <a:pt x="7617" y="2940"/>
                </a:cubicBezTo>
                <a:cubicBezTo>
                  <a:pt x="7366" y="2996"/>
                  <a:pt x="7226" y="3219"/>
                  <a:pt x="7254" y="3443"/>
                </a:cubicBezTo>
                <a:cubicBezTo>
                  <a:pt x="7310" y="3638"/>
                  <a:pt x="7338" y="3861"/>
                  <a:pt x="7338" y="4056"/>
                </a:cubicBezTo>
                <a:cubicBezTo>
                  <a:pt x="7310" y="4112"/>
                  <a:pt x="7310" y="4168"/>
                  <a:pt x="7310" y="4224"/>
                </a:cubicBezTo>
                <a:cubicBezTo>
                  <a:pt x="7310" y="4447"/>
                  <a:pt x="7477" y="4642"/>
                  <a:pt x="7729" y="4670"/>
                </a:cubicBezTo>
                <a:lnTo>
                  <a:pt x="7756" y="4670"/>
                </a:lnTo>
                <a:cubicBezTo>
                  <a:pt x="7980" y="4670"/>
                  <a:pt x="8147" y="4475"/>
                  <a:pt x="8175" y="4252"/>
                </a:cubicBezTo>
                <a:cubicBezTo>
                  <a:pt x="8175" y="4196"/>
                  <a:pt x="8175" y="4112"/>
                  <a:pt x="8175" y="4056"/>
                </a:cubicBezTo>
                <a:cubicBezTo>
                  <a:pt x="8175" y="3805"/>
                  <a:pt x="8147" y="3526"/>
                  <a:pt x="8091" y="3275"/>
                </a:cubicBezTo>
                <a:cubicBezTo>
                  <a:pt x="8066" y="3071"/>
                  <a:pt x="7877" y="2937"/>
                  <a:pt x="7674" y="2937"/>
                </a:cubicBezTo>
                <a:close/>
                <a:moveTo>
                  <a:pt x="546" y="4546"/>
                </a:moveTo>
                <a:cubicBezTo>
                  <a:pt x="514" y="4546"/>
                  <a:pt x="480" y="4550"/>
                  <a:pt x="447" y="4559"/>
                </a:cubicBezTo>
                <a:cubicBezTo>
                  <a:pt x="224" y="4642"/>
                  <a:pt x="84" y="4865"/>
                  <a:pt x="140" y="5089"/>
                </a:cubicBezTo>
                <a:cubicBezTo>
                  <a:pt x="196" y="5340"/>
                  <a:pt x="307" y="5591"/>
                  <a:pt x="419" y="5814"/>
                </a:cubicBezTo>
                <a:cubicBezTo>
                  <a:pt x="475" y="5981"/>
                  <a:pt x="642" y="6065"/>
                  <a:pt x="782" y="6065"/>
                </a:cubicBezTo>
                <a:cubicBezTo>
                  <a:pt x="865" y="6065"/>
                  <a:pt x="921" y="6037"/>
                  <a:pt x="977" y="6009"/>
                </a:cubicBezTo>
                <a:cubicBezTo>
                  <a:pt x="1200" y="5926"/>
                  <a:pt x="1284" y="5647"/>
                  <a:pt x="1172" y="5451"/>
                </a:cubicBezTo>
                <a:cubicBezTo>
                  <a:pt x="1089" y="5256"/>
                  <a:pt x="1005" y="5061"/>
                  <a:pt x="977" y="4865"/>
                </a:cubicBezTo>
                <a:cubicBezTo>
                  <a:pt x="906" y="4676"/>
                  <a:pt x="734" y="4546"/>
                  <a:pt x="546" y="4546"/>
                </a:cubicBezTo>
                <a:close/>
                <a:moveTo>
                  <a:pt x="7432" y="5140"/>
                </a:moveTo>
                <a:cubicBezTo>
                  <a:pt x="7275" y="5140"/>
                  <a:pt x="7114" y="5229"/>
                  <a:pt x="7031" y="5395"/>
                </a:cubicBezTo>
                <a:cubicBezTo>
                  <a:pt x="6947" y="5591"/>
                  <a:pt x="6836" y="5758"/>
                  <a:pt x="6724" y="5926"/>
                </a:cubicBezTo>
                <a:cubicBezTo>
                  <a:pt x="6585" y="6121"/>
                  <a:pt x="6641" y="6372"/>
                  <a:pt x="6836" y="6511"/>
                </a:cubicBezTo>
                <a:cubicBezTo>
                  <a:pt x="6892" y="6567"/>
                  <a:pt x="6975" y="6595"/>
                  <a:pt x="7087" y="6595"/>
                </a:cubicBezTo>
                <a:cubicBezTo>
                  <a:pt x="7198" y="6595"/>
                  <a:pt x="7338" y="6539"/>
                  <a:pt x="7422" y="6428"/>
                </a:cubicBezTo>
                <a:cubicBezTo>
                  <a:pt x="7561" y="6205"/>
                  <a:pt x="7701" y="5981"/>
                  <a:pt x="7812" y="5758"/>
                </a:cubicBezTo>
                <a:cubicBezTo>
                  <a:pt x="7896" y="5535"/>
                  <a:pt x="7812" y="5284"/>
                  <a:pt x="7589" y="5172"/>
                </a:cubicBezTo>
                <a:cubicBezTo>
                  <a:pt x="7539" y="5151"/>
                  <a:pt x="7486" y="5140"/>
                  <a:pt x="7432" y="5140"/>
                </a:cubicBezTo>
                <a:close/>
                <a:moveTo>
                  <a:pt x="1604" y="6305"/>
                </a:moveTo>
                <a:cubicBezTo>
                  <a:pt x="1488" y="6305"/>
                  <a:pt x="1371" y="6354"/>
                  <a:pt x="1284" y="6456"/>
                </a:cubicBezTo>
                <a:cubicBezTo>
                  <a:pt x="1144" y="6623"/>
                  <a:pt x="1144" y="6902"/>
                  <a:pt x="1312" y="7042"/>
                </a:cubicBezTo>
                <a:cubicBezTo>
                  <a:pt x="1507" y="7237"/>
                  <a:pt x="1702" y="7376"/>
                  <a:pt x="1926" y="7516"/>
                </a:cubicBezTo>
                <a:cubicBezTo>
                  <a:pt x="2009" y="7572"/>
                  <a:pt x="2065" y="7572"/>
                  <a:pt x="2149" y="7572"/>
                </a:cubicBezTo>
                <a:cubicBezTo>
                  <a:pt x="2288" y="7572"/>
                  <a:pt x="2428" y="7516"/>
                  <a:pt x="2511" y="7376"/>
                </a:cubicBezTo>
                <a:cubicBezTo>
                  <a:pt x="2651" y="7181"/>
                  <a:pt x="2567" y="6930"/>
                  <a:pt x="2372" y="6790"/>
                </a:cubicBezTo>
                <a:cubicBezTo>
                  <a:pt x="2205" y="6679"/>
                  <a:pt x="2037" y="6567"/>
                  <a:pt x="1898" y="6428"/>
                </a:cubicBezTo>
                <a:cubicBezTo>
                  <a:pt x="1817" y="6347"/>
                  <a:pt x="1711" y="6305"/>
                  <a:pt x="1604" y="6305"/>
                </a:cubicBezTo>
                <a:close/>
                <a:moveTo>
                  <a:pt x="6088" y="6686"/>
                </a:moveTo>
                <a:cubicBezTo>
                  <a:pt x="6010" y="6686"/>
                  <a:pt x="5931" y="6711"/>
                  <a:pt x="5859" y="6763"/>
                </a:cubicBezTo>
                <a:cubicBezTo>
                  <a:pt x="5692" y="6874"/>
                  <a:pt x="5497" y="6958"/>
                  <a:pt x="5301" y="7042"/>
                </a:cubicBezTo>
                <a:cubicBezTo>
                  <a:pt x="5106" y="7125"/>
                  <a:pt x="4994" y="7376"/>
                  <a:pt x="5078" y="7600"/>
                </a:cubicBezTo>
                <a:cubicBezTo>
                  <a:pt x="5134" y="7767"/>
                  <a:pt x="5301" y="7879"/>
                  <a:pt x="5469" y="7879"/>
                </a:cubicBezTo>
                <a:cubicBezTo>
                  <a:pt x="5525" y="7879"/>
                  <a:pt x="5580" y="7851"/>
                  <a:pt x="5636" y="7823"/>
                </a:cubicBezTo>
                <a:cubicBezTo>
                  <a:pt x="5859" y="7739"/>
                  <a:pt x="6110" y="7627"/>
                  <a:pt x="6306" y="7488"/>
                </a:cubicBezTo>
                <a:cubicBezTo>
                  <a:pt x="6501" y="7348"/>
                  <a:pt x="6557" y="7097"/>
                  <a:pt x="6445" y="6902"/>
                </a:cubicBezTo>
                <a:cubicBezTo>
                  <a:pt x="6357" y="6761"/>
                  <a:pt x="6224" y="6686"/>
                  <a:pt x="6088" y="6686"/>
                </a:cubicBezTo>
                <a:close/>
                <a:moveTo>
                  <a:pt x="3428" y="7226"/>
                </a:moveTo>
                <a:cubicBezTo>
                  <a:pt x="3237" y="7226"/>
                  <a:pt x="3062" y="7378"/>
                  <a:pt x="3014" y="7572"/>
                </a:cubicBezTo>
                <a:cubicBezTo>
                  <a:pt x="2986" y="7795"/>
                  <a:pt x="3125" y="8018"/>
                  <a:pt x="3348" y="8074"/>
                </a:cubicBezTo>
                <a:cubicBezTo>
                  <a:pt x="3600" y="8102"/>
                  <a:pt x="3851" y="8130"/>
                  <a:pt x="4130" y="8130"/>
                </a:cubicBezTo>
                <a:cubicBezTo>
                  <a:pt x="4353" y="8130"/>
                  <a:pt x="4520" y="7934"/>
                  <a:pt x="4520" y="7711"/>
                </a:cubicBezTo>
                <a:cubicBezTo>
                  <a:pt x="4520" y="7488"/>
                  <a:pt x="4325" y="7293"/>
                  <a:pt x="4102" y="7293"/>
                </a:cubicBezTo>
                <a:cubicBezTo>
                  <a:pt x="3906" y="7293"/>
                  <a:pt x="3711" y="7265"/>
                  <a:pt x="3516" y="7237"/>
                </a:cubicBezTo>
                <a:cubicBezTo>
                  <a:pt x="3486" y="7229"/>
                  <a:pt x="3457" y="7226"/>
                  <a:pt x="3428" y="7226"/>
                </a:cubicBezTo>
                <a:close/>
              </a:path>
            </a:pathLst>
          </a:custGeom>
          <a:solidFill>
            <a:schemeClr val="dk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  <p:sp>
        <p:nvSpPr>
          <p:cNvPr id="144" name="Google Shape;144;p15"/>
          <p:cNvSpPr/>
          <p:nvPr/>
        </p:nvSpPr>
        <p:spPr>
          <a:xfrm rot="5400000">
            <a:off x="403889" y="1108642"/>
            <a:ext cx="316107" cy="316107"/>
          </a:xfrm>
          <a:custGeom>
            <a:avLst/>
            <a:gdLst/>
            <a:ahLst/>
            <a:cxnLst/>
            <a:rect l="l" t="t" r="r" b="b"/>
            <a:pathLst>
              <a:path w="11579" h="11579" extrusionOk="0">
                <a:moveTo>
                  <a:pt x="5775" y="0"/>
                </a:moveTo>
                <a:cubicBezTo>
                  <a:pt x="2595" y="0"/>
                  <a:pt x="0" y="2595"/>
                  <a:pt x="0" y="5776"/>
                </a:cubicBezTo>
                <a:cubicBezTo>
                  <a:pt x="0" y="8984"/>
                  <a:pt x="2595" y="11579"/>
                  <a:pt x="5775" y="11579"/>
                </a:cubicBezTo>
                <a:cubicBezTo>
                  <a:pt x="8984" y="11579"/>
                  <a:pt x="11578" y="8984"/>
                  <a:pt x="11578" y="5776"/>
                </a:cubicBezTo>
                <a:cubicBezTo>
                  <a:pt x="11578" y="2595"/>
                  <a:pt x="8984" y="0"/>
                  <a:pt x="5775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  <p:sp>
        <p:nvSpPr>
          <p:cNvPr id="145" name="Google Shape;145;p15"/>
          <p:cNvSpPr/>
          <p:nvPr/>
        </p:nvSpPr>
        <p:spPr>
          <a:xfrm rot="10800000" flipH="1">
            <a:off x="8681969" y="1017721"/>
            <a:ext cx="316107" cy="316107"/>
          </a:xfrm>
          <a:custGeom>
            <a:avLst/>
            <a:gdLst/>
            <a:ahLst/>
            <a:cxnLst/>
            <a:rect l="l" t="t" r="r" b="b"/>
            <a:pathLst>
              <a:path w="11579" h="11579" extrusionOk="0">
                <a:moveTo>
                  <a:pt x="5775" y="0"/>
                </a:moveTo>
                <a:cubicBezTo>
                  <a:pt x="2595" y="0"/>
                  <a:pt x="0" y="2595"/>
                  <a:pt x="0" y="5776"/>
                </a:cubicBezTo>
                <a:cubicBezTo>
                  <a:pt x="0" y="8984"/>
                  <a:pt x="2595" y="11579"/>
                  <a:pt x="5775" y="11579"/>
                </a:cubicBezTo>
                <a:cubicBezTo>
                  <a:pt x="8984" y="11579"/>
                  <a:pt x="11578" y="8984"/>
                  <a:pt x="11578" y="5776"/>
                </a:cubicBezTo>
                <a:cubicBezTo>
                  <a:pt x="11578" y="2595"/>
                  <a:pt x="8984" y="0"/>
                  <a:pt x="5775" y="0"/>
                </a:cubicBezTo>
                <a:close/>
              </a:path>
            </a:pathLst>
          </a:custGeom>
          <a:solidFill>
            <a:schemeClr val="dk2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  <p:sp>
        <p:nvSpPr>
          <p:cNvPr id="146" name="Google Shape;146;p15"/>
          <p:cNvSpPr/>
          <p:nvPr/>
        </p:nvSpPr>
        <p:spPr>
          <a:xfrm rot="10800000" flipH="1">
            <a:off x="8706348" y="1170055"/>
            <a:ext cx="263554" cy="262872"/>
          </a:xfrm>
          <a:custGeom>
            <a:avLst/>
            <a:gdLst/>
            <a:ahLst/>
            <a:cxnLst/>
            <a:rect l="l" t="t" r="r" b="b"/>
            <a:pathLst>
              <a:path w="9654" h="9629" extrusionOk="0">
                <a:moveTo>
                  <a:pt x="4150" y="0"/>
                </a:moveTo>
                <a:cubicBezTo>
                  <a:pt x="4134" y="0"/>
                  <a:pt x="4118" y="1"/>
                  <a:pt x="4101" y="4"/>
                </a:cubicBezTo>
                <a:cubicBezTo>
                  <a:pt x="3850" y="59"/>
                  <a:pt x="3599" y="115"/>
                  <a:pt x="3348" y="171"/>
                </a:cubicBezTo>
                <a:cubicBezTo>
                  <a:pt x="3125" y="255"/>
                  <a:pt x="3013" y="478"/>
                  <a:pt x="3069" y="729"/>
                </a:cubicBezTo>
                <a:cubicBezTo>
                  <a:pt x="3125" y="896"/>
                  <a:pt x="3292" y="1008"/>
                  <a:pt x="3487" y="1008"/>
                </a:cubicBezTo>
                <a:cubicBezTo>
                  <a:pt x="3515" y="1008"/>
                  <a:pt x="3571" y="1008"/>
                  <a:pt x="3599" y="980"/>
                </a:cubicBezTo>
                <a:cubicBezTo>
                  <a:pt x="3794" y="924"/>
                  <a:pt x="4018" y="868"/>
                  <a:pt x="4213" y="840"/>
                </a:cubicBezTo>
                <a:cubicBezTo>
                  <a:pt x="4436" y="813"/>
                  <a:pt x="4603" y="589"/>
                  <a:pt x="4576" y="366"/>
                </a:cubicBezTo>
                <a:cubicBezTo>
                  <a:pt x="4550" y="159"/>
                  <a:pt x="4356" y="0"/>
                  <a:pt x="4150" y="0"/>
                </a:cubicBezTo>
                <a:close/>
                <a:moveTo>
                  <a:pt x="5553" y="0"/>
                </a:moveTo>
                <a:cubicBezTo>
                  <a:pt x="5325" y="0"/>
                  <a:pt x="5131" y="159"/>
                  <a:pt x="5106" y="366"/>
                </a:cubicBezTo>
                <a:cubicBezTo>
                  <a:pt x="5078" y="589"/>
                  <a:pt x="5217" y="813"/>
                  <a:pt x="5468" y="868"/>
                </a:cubicBezTo>
                <a:cubicBezTo>
                  <a:pt x="5664" y="896"/>
                  <a:pt x="5859" y="952"/>
                  <a:pt x="6054" y="1008"/>
                </a:cubicBezTo>
                <a:cubicBezTo>
                  <a:pt x="6110" y="1008"/>
                  <a:pt x="6166" y="1036"/>
                  <a:pt x="6194" y="1036"/>
                </a:cubicBezTo>
                <a:cubicBezTo>
                  <a:pt x="6389" y="1036"/>
                  <a:pt x="6556" y="924"/>
                  <a:pt x="6612" y="729"/>
                </a:cubicBezTo>
                <a:cubicBezTo>
                  <a:pt x="6668" y="506"/>
                  <a:pt x="6556" y="283"/>
                  <a:pt x="6333" y="199"/>
                </a:cubicBezTo>
                <a:cubicBezTo>
                  <a:pt x="6082" y="115"/>
                  <a:pt x="5859" y="59"/>
                  <a:pt x="5608" y="4"/>
                </a:cubicBezTo>
                <a:cubicBezTo>
                  <a:pt x="5589" y="1"/>
                  <a:pt x="5571" y="0"/>
                  <a:pt x="5553" y="0"/>
                </a:cubicBezTo>
                <a:close/>
                <a:moveTo>
                  <a:pt x="2270" y="781"/>
                </a:moveTo>
                <a:cubicBezTo>
                  <a:pt x="2181" y="781"/>
                  <a:pt x="2090" y="810"/>
                  <a:pt x="2009" y="868"/>
                </a:cubicBezTo>
                <a:cubicBezTo>
                  <a:pt x="1786" y="1008"/>
                  <a:pt x="1590" y="1175"/>
                  <a:pt x="1423" y="1343"/>
                </a:cubicBezTo>
                <a:cubicBezTo>
                  <a:pt x="1256" y="1510"/>
                  <a:pt x="1256" y="1789"/>
                  <a:pt x="1423" y="1956"/>
                </a:cubicBezTo>
                <a:cubicBezTo>
                  <a:pt x="1507" y="2040"/>
                  <a:pt x="1618" y="2068"/>
                  <a:pt x="1730" y="2068"/>
                </a:cubicBezTo>
                <a:cubicBezTo>
                  <a:pt x="1841" y="2068"/>
                  <a:pt x="1953" y="2040"/>
                  <a:pt x="2037" y="1956"/>
                </a:cubicBezTo>
                <a:cubicBezTo>
                  <a:pt x="2176" y="1817"/>
                  <a:pt x="2344" y="1677"/>
                  <a:pt x="2511" y="1538"/>
                </a:cubicBezTo>
                <a:cubicBezTo>
                  <a:pt x="2678" y="1426"/>
                  <a:pt x="2734" y="1147"/>
                  <a:pt x="2595" y="952"/>
                </a:cubicBezTo>
                <a:cubicBezTo>
                  <a:pt x="2513" y="838"/>
                  <a:pt x="2394" y="781"/>
                  <a:pt x="2270" y="781"/>
                </a:cubicBezTo>
                <a:close/>
                <a:moveTo>
                  <a:pt x="7411" y="809"/>
                </a:moveTo>
                <a:cubicBezTo>
                  <a:pt x="7287" y="809"/>
                  <a:pt x="7168" y="866"/>
                  <a:pt x="7086" y="980"/>
                </a:cubicBezTo>
                <a:cubicBezTo>
                  <a:pt x="6947" y="1175"/>
                  <a:pt x="6975" y="1426"/>
                  <a:pt x="7170" y="1566"/>
                </a:cubicBezTo>
                <a:cubicBezTo>
                  <a:pt x="7338" y="1705"/>
                  <a:pt x="7505" y="1845"/>
                  <a:pt x="7644" y="1984"/>
                </a:cubicBezTo>
                <a:cubicBezTo>
                  <a:pt x="7728" y="2068"/>
                  <a:pt x="7840" y="2096"/>
                  <a:pt x="7951" y="2096"/>
                </a:cubicBezTo>
                <a:cubicBezTo>
                  <a:pt x="8063" y="2096"/>
                  <a:pt x="8175" y="2068"/>
                  <a:pt x="8258" y="1984"/>
                </a:cubicBezTo>
                <a:cubicBezTo>
                  <a:pt x="8426" y="1817"/>
                  <a:pt x="8426" y="1538"/>
                  <a:pt x="8258" y="1371"/>
                </a:cubicBezTo>
                <a:cubicBezTo>
                  <a:pt x="8063" y="1203"/>
                  <a:pt x="7868" y="1036"/>
                  <a:pt x="7672" y="896"/>
                </a:cubicBezTo>
                <a:cubicBezTo>
                  <a:pt x="7591" y="838"/>
                  <a:pt x="7500" y="809"/>
                  <a:pt x="7411" y="809"/>
                </a:cubicBezTo>
                <a:close/>
                <a:moveTo>
                  <a:pt x="913" y="2326"/>
                </a:moveTo>
                <a:cubicBezTo>
                  <a:pt x="755" y="2326"/>
                  <a:pt x="608" y="2414"/>
                  <a:pt x="530" y="2570"/>
                </a:cubicBezTo>
                <a:cubicBezTo>
                  <a:pt x="419" y="2793"/>
                  <a:pt x="307" y="3017"/>
                  <a:pt x="223" y="3268"/>
                </a:cubicBezTo>
                <a:cubicBezTo>
                  <a:pt x="167" y="3491"/>
                  <a:pt x="279" y="3714"/>
                  <a:pt x="502" y="3798"/>
                </a:cubicBezTo>
                <a:cubicBezTo>
                  <a:pt x="558" y="3826"/>
                  <a:pt x="586" y="3826"/>
                  <a:pt x="642" y="3826"/>
                </a:cubicBezTo>
                <a:cubicBezTo>
                  <a:pt x="809" y="3826"/>
                  <a:pt x="977" y="3714"/>
                  <a:pt x="1032" y="3519"/>
                </a:cubicBezTo>
                <a:cubicBezTo>
                  <a:pt x="1116" y="3324"/>
                  <a:pt x="1200" y="3128"/>
                  <a:pt x="1283" y="2961"/>
                </a:cubicBezTo>
                <a:cubicBezTo>
                  <a:pt x="1395" y="2738"/>
                  <a:pt x="1311" y="2487"/>
                  <a:pt x="1116" y="2375"/>
                </a:cubicBezTo>
                <a:cubicBezTo>
                  <a:pt x="1049" y="2342"/>
                  <a:pt x="980" y="2326"/>
                  <a:pt x="913" y="2326"/>
                </a:cubicBezTo>
                <a:close/>
                <a:moveTo>
                  <a:pt x="8760" y="2381"/>
                </a:moveTo>
                <a:cubicBezTo>
                  <a:pt x="8692" y="2381"/>
                  <a:pt x="8625" y="2397"/>
                  <a:pt x="8565" y="2431"/>
                </a:cubicBezTo>
                <a:cubicBezTo>
                  <a:pt x="8342" y="2514"/>
                  <a:pt x="8258" y="2793"/>
                  <a:pt x="8370" y="2989"/>
                </a:cubicBezTo>
                <a:cubicBezTo>
                  <a:pt x="8453" y="3184"/>
                  <a:pt x="8537" y="3379"/>
                  <a:pt x="8621" y="3575"/>
                </a:cubicBezTo>
                <a:cubicBezTo>
                  <a:pt x="8677" y="3742"/>
                  <a:pt x="8844" y="3854"/>
                  <a:pt x="9011" y="3854"/>
                </a:cubicBezTo>
                <a:lnTo>
                  <a:pt x="9151" y="3854"/>
                </a:lnTo>
                <a:cubicBezTo>
                  <a:pt x="9374" y="3770"/>
                  <a:pt x="9486" y="3519"/>
                  <a:pt x="9430" y="3296"/>
                </a:cubicBezTo>
                <a:cubicBezTo>
                  <a:pt x="9346" y="3072"/>
                  <a:pt x="9235" y="2821"/>
                  <a:pt x="9123" y="2598"/>
                </a:cubicBezTo>
                <a:cubicBezTo>
                  <a:pt x="9065" y="2463"/>
                  <a:pt x="8913" y="2381"/>
                  <a:pt x="8760" y="2381"/>
                </a:cubicBezTo>
                <a:close/>
                <a:moveTo>
                  <a:pt x="419" y="4356"/>
                </a:moveTo>
                <a:cubicBezTo>
                  <a:pt x="167" y="4356"/>
                  <a:pt x="0" y="4551"/>
                  <a:pt x="0" y="4774"/>
                </a:cubicBezTo>
                <a:cubicBezTo>
                  <a:pt x="0" y="5025"/>
                  <a:pt x="0" y="5276"/>
                  <a:pt x="28" y="5500"/>
                </a:cubicBezTo>
                <a:cubicBezTo>
                  <a:pt x="84" y="5723"/>
                  <a:pt x="251" y="5862"/>
                  <a:pt x="446" y="5862"/>
                </a:cubicBezTo>
                <a:lnTo>
                  <a:pt x="530" y="5862"/>
                </a:lnTo>
                <a:cubicBezTo>
                  <a:pt x="753" y="5834"/>
                  <a:pt x="921" y="5611"/>
                  <a:pt x="893" y="5388"/>
                </a:cubicBezTo>
                <a:cubicBezTo>
                  <a:pt x="865" y="5193"/>
                  <a:pt x="837" y="4997"/>
                  <a:pt x="837" y="4774"/>
                </a:cubicBezTo>
                <a:lnTo>
                  <a:pt x="837" y="4746"/>
                </a:lnTo>
                <a:cubicBezTo>
                  <a:pt x="837" y="4523"/>
                  <a:pt x="642" y="4356"/>
                  <a:pt x="419" y="4356"/>
                </a:cubicBezTo>
                <a:close/>
                <a:moveTo>
                  <a:pt x="9235" y="4384"/>
                </a:moveTo>
                <a:cubicBezTo>
                  <a:pt x="8984" y="4384"/>
                  <a:pt x="8788" y="4551"/>
                  <a:pt x="8788" y="4802"/>
                </a:cubicBezTo>
                <a:cubicBezTo>
                  <a:pt x="8788" y="4997"/>
                  <a:pt x="8788" y="5221"/>
                  <a:pt x="8760" y="5416"/>
                </a:cubicBezTo>
                <a:cubicBezTo>
                  <a:pt x="8705" y="5639"/>
                  <a:pt x="8872" y="5862"/>
                  <a:pt x="9095" y="5918"/>
                </a:cubicBezTo>
                <a:lnTo>
                  <a:pt x="9179" y="5918"/>
                </a:lnTo>
                <a:cubicBezTo>
                  <a:pt x="9374" y="5918"/>
                  <a:pt x="9569" y="5751"/>
                  <a:pt x="9597" y="5555"/>
                </a:cubicBezTo>
                <a:cubicBezTo>
                  <a:pt x="9625" y="5304"/>
                  <a:pt x="9653" y="5053"/>
                  <a:pt x="9653" y="4802"/>
                </a:cubicBezTo>
                <a:cubicBezTo>
                  <a:pt x="9653" y="4551"/>
                  <a:pt x="9458" y="4384"/>
                  <a:pt x="9235" y="4384"/>
                </a:cubicBezTo>
                <a:close/>
                <a:moveTo>
                  <a:pt x="856" y="6320"/>
                </a:moveTo>
                <a:cubicBezTo>
                  <a:pt x="794" y="6320"/>
                  <a:pt x="731" y="6334"/>
                  <a:pt x="670" y="6365"/>
                </a:cubicBezTo>
                <a:cubicBezTo>
                  <a:pt x="474" y="6476"/>
                  <a:pt x="391" y="6727"/>
                  <a:pt x="502" y="6950"/>
                </a:cubicBezTo>
                <a:cubicBezTo>
                  <a:pt x="614" y="7174"/>
                  <a:pt x="725" y="7397"/>
                  <a:pt x="893" y="7592"/>
                </a:cubicBezTo>
                <a:cubicBezTo>
                  <a:pt x="977" y="7704"/>
                  <a:pt x="1088" y="7759"/>
                  <a:pt x="1228" y="7759"/>
                </a:cubicBezTo>
                <a:cubicBezTo>
                  <a:pt x="1311" y="7759"/>
                  <a:pt x="1395" y="7732"/>
                  <a:pt x="1479" y="7704"/>
                </a:cubicBezTo>
                <a:cubicBezTo>
                  <a:pt x="1674" y="7564"/>
                  <a:pt x="1702" y="7285"/>
                  <a:pt x="1590" y="7090"/>
                </a:cubicBezTo>
                <a:cubicBezTo>
                  <a:pt x="1451" y="6922"/>
                  <a:pt x="1339" y="6755"/>
                  <a:pt x="1256" y="6560"/>
                </a:cubicBezTo>
                <a:cubicBezTo>
                  <a:pt x="1174" y="6418"/>
                  <a:pt x="1020" y="6320"/>
                  <a:pt x="856" y="6320"/>
                </a:cubicBezTo>
                <a:close/>
                <a:moveTo>
                  <a:pt x="8739" y="6370"/>
                </a:moveTo>
                <a:cubicBezTo>
                  <a:pt x="8592" y="6370"/>
                  <a:pt x="8447" y="6452"/>
                  <a:pt x="8370" y="6588"/>
                </a:cubicBezTo>
                <a:cubicBezTo>
                  <a:pt x="8258" y="6783"/>
                  <a:pt x="8147" y="6950"/>
                  <a:pt x="8035" y="7118"/>
                </a:cubicBezTo>
                <a:cubicBezTo>
                  <a:pt x="7896" y="7313"/>
                  <a:pt x="7951" y="7592"/>
                  <a:pt x="8119" y="7732"/>
                </a:cubicBezTo>
                <a:cubicBezTo>
                  <a:pt x="8202" y="7787"/>
                  <a:pt x="8286" y="7815"/>
                  <a:pt x="8370" y="7815"/>
                </a:cubicBezTo>
                <a:cubicBezTo>
                  <a:pt x="8509" y="7815"/>
                  <a:pt x="8649" y="7759"/>
                  <a:pt x="8732" y="7620"/>
                </a:cubicBezTo>
                <a:cubicBezTo>
                  <a:pt x="8872" y="7425"/>
                  <a:pt x="9011" y="7201"/>
                  <a:pt x="9123" y="6978"/>
                </a:cubicBezTo>
                <a:cubicBezTo>
                  <a:pt x="9235" y="6783"/>
                  <a:pt x="9151" y="6532"/>
                  <a:pt x="8928" y="6420"/>
                </a:cubicBezTo>
                <a:cubicBezTo>
                  <a:pt x="8868" y="6386"/>
                  <a:pt x="8803" y="6370"/>
                  <a:pt x="8739" y="6370"/>
                </a:cubicBezTo>
                <a:close/>
                <a:moveTo>
                  <a:pt x="2184" y="7895"/>
                </a:moveTo>
                <a:cubicBezTo>
                  <a:pt x="2052" y="7895"/>
                  <a:pt x="1923" y="7952"/>
                  <a:pt x="1841" y="8066"/>
                </a:cubicBezTo>
                <a:cubicBezTo>
                  <a:pt x="1702" y="8262"/>
                  <a:pt x="1758" y="8541"/>
                  <a:pt x="1953" y="8680"/>
                </a:cubicBezTo>
                <a:cubicBezTo>
                  <a:pt x="2148" y="8820"/>
                  <a:pt x="2371" y="8959"/>
                  <a:pt x="2595" y="9071"/>
                </a:cubicBezTo>
                <a:cubicBezTo>
                  <a:pt x="2650" y="9099"/>
                  <a:pt x="2706" y="9127"/>
                  <a:pt x="2790" y="9127"/>
                </a:cubicBezTo>
                <a:cubicBezTo>
                  <a:pt x="2929" y="9127"/>
                  <a:pt x="3069" y="9043"/>
                  <a:pt x="3153" y="8903"/>
                </a:cubicBezTo>
                <a:cubicBezTo>
                  <a:pt x="3264" y="8680"/>
                  <a:pt x="3181" y="8429"/>
                  <a:pt x="2985" y="8317"/>
                </a:cubicBezTo>
                <a:cubicBezTo>
                  <a:pt x="2790" y="8206"/>
                  <a:pt x="2623" y="8094"/>
                  <a:pt x="2455" y="7983"/>
                </a:cubicBezTo>
                <a:cubicBezTo>
                  <a:pt x="2374" y="7925"/>
                  <a:pt x="2278" y="7895"/>
                  <a:pt x="2184" y="7895"/>
                </a:cubicBezTo>
                <a:close/>
                <a:moveTo>
                  <a:pt x="7395" y="7931"/>
                </a:moveTo>
                <a:cubicBezTo>
                  <a:pt x="7307" y="7931"/>
                  <a:pt x="7218" y="7956"/>
                  <a:pt x="7142" y="8011"/>
                </a:cubicBezTo>
                <a:cubicBezTo>
                  <a:pt x="6975" y="8122"/>
                  <a:pt x="6807" y="8234"/>
                  <a:pt x="6612" y="8345"/>
                </a:cubicBezTo>
                <a:cubicBezTo>
                  <a:pt x="6417" y="8429"/>
                  <a:pt x="6333" y="8708"/>
                  <a:pt x="6445" y="8903"/>
                </a:cubicBezTo>
                <a:cubicBezTo>
                  <a:pt x="6501" y="9043"/>
                  <a:pt x="6668" y="9127"/>
                  <a:pt x="6807" y="9127"/>
                </a:cubicBezTo>
                <a:cubicBezTo>
                  <a:pt x="6891" y="9127"/>
                  <a:pt x="6947" y="9127"/>
                  <a:pt x="7003" y="9099"/>
                </a:cubicBezTo>
                <a:cubicBezTo>
                  <a:pt x="7226" y="8987"/>
                  <a:pt x="7449" y="8848"/>
                  <a:pt x="7644" y="8708"/>
                </a:cubicBezTo>
                <a:cubicBezTo>
                  <a:pt x="7840" y="8569"/>
                  <a:pt x="7896" y="8290"/>
                  <a:pt x="7756" y="8094"/>
                </a:cubicBezTo>
                <a:cubicBezTo>
                  <a:pt x="7671" y="7992"/>
                  <a:pt x="7534" y="7931"/>
                  <a:pt x="7395" y="7931"/>
                </a:cubicBezTo>
                <a:close/>
                <a:moveTo>
                  <a:pt x="4101" y="8705"/>
                </a:moveTo>
                <a:cubicBezTo>
                  <a:pt x="3897" y="8705"/>
                  <a:pt x="3706" y="8841"/>
                  <a:pt x="3655" y="9071"/>
                </a:cubicBezTo>
                <a:cubicBezTo>
                  <a:pt x="3627" y="9294"/>
                  <a:pt x="3794" y="9517"/>
                  <a:pt x="4018" y="9545"/>
                </a:cubicBezTo>
                <a:cubicBezTo>
                  <a:pt x="4269" y="9601"/>
                  <a:pt x="4520" y="9629"/>
                  <a:pt x="4771" y="9629"/>
                </a:cubicBezTo>
                <a:lnTo>
                  <a:pt x="4799" y="9629"/>
                </a:lnTo>
                <a:cubicBezTo>
                  <a:pt x="5050" y="9629"/>
                  <a:pt x="5329" y="9601"/>
                  <a:pt x="5580" y="9573"/>
                </a:cubicBezTo>
                <a:cubicBezTo>
                  <a:pt x="5803" y="9517"/>
                  <a:pt x="5970" y="9294"/>
                  <a:pt x="5915" y="9071"/>
                </a:cubicBezTo>
                <a:cubicBezTo>
                  <a:pt x="5889" y="8864"/>
                  <a:pt x="5695" y="8705"/>
                  <a:pt x="5489" y="8705"/>
                </a:cubicBezTo>
                <a:cubicBezTo>
                  <a:pt x="5473" y="8705"/>
                  <a:pt x="5457" y="8706"/>
                  <a:pt x="5440" y="8708"/>
                </a:cubicBezTo>
                <a:cubicBezTo>
                  <a:pt x="5245" y="8736"/>
                  <a:pt x="5022" y="8764"/>
                  <a:pt x="4827" y="8764"/>
                </a:cubicBezTo>
                <a:lnTo>
                  <a:pt x="4771" y="8764"/>
                </a:lnTo>
                <a:cubicBezTo>
                  <a:pt x="4576" y="8764"/>
                  <a:pt x="4352" y="8736"/>
                  <a:pt x="4157" y="8708"/>
                </a:cubicBezTo>
                <a:cubicBezTo>
                  <a:pt x="4138" y="8706"/>
                  <a:pt x="4119" y="8705"/>
                  <a:pt x="4101" y="8705"/>
                </a:cubicBezTo>
                <a:close/>
              </a:path>
            </a:pathLst>
          </a:custGeom>
          <a:solidFill>
            <a:schemeClr val="dk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  <p:grpSp>
        <p:nvGrpSpPr>
          <p:cNvPr id="147" name="Google Shape;147;p15"/>
          <p:cNvGrpSpPr/>
          <p:nvPr/>
        </p:nvGrpSpPr>
        <p:grpSpPr>
          <a:xfrm>
            <a:off x="8550156" y="2383385"/>
            <a:ext cx="156183" cy="376740"/>
            <a:chOff x="4261229" y="284749"/>
            <a:chExt cx="156183" cy="376740"/>
          </a:xfrm>
        </p:grpSpPr>
        <p:sp>
          <p:nvSpPr>
            <p:cNvPr id="148" name="Google Shape;148;p15"/>
            <p:cNvSpPr/>
            <p:nvPr/>
          </p:nvSpPr>
          <p:spPr>
            <a:xfrm>
              <a:off x="4332073" y="284749"/>
              <a:ext cx="85340" cy="376740"/>
            </a:xfrm>
            <a:custGeom>
              <a:avLst/>
              <a:gdLst/>
              <a:ahLst/>
              <a:cxnLst/>
              <a:rect l="l" t="t" r="r" b="b"/>
              <a:pathLst>
                <a:path w="3126" h="13800" extrusionOk="0">
                  <a:moveTo>
                    <a:pt x="443" y="0"/>
                  </a:moveTo>
                  <a:cubicBezTo>
                    <a:pt x="406" y="0"/>
                    <a:pt x="370" y="6"/>
                    <a:pt x="335" y="17"/>
                  </a:cubicBezTo>
                  <a:cubicBezTo>
                    <a:pt x="140" y="73"/>
                    <a:pt x="0" y="241"/>
                    <a:pt x="0" y="436"/>
                  </a:cubicBezTo>
                  <a:lnTo>
                    <a:pt x="0" y="938"/>
                  </a:lnTo>
                  <a:cubicBezTo>
                    <a:pt x="0" y="1189"/>
                    <a:pt x="196" y="1357"/>
                    <a:pt x="447" y="1357"/>
                  </a:cubicBezTo>
                  <a:cubicBezTo>
                    <a:pt x="670" y="1357"/>
                    <a:pt x="865" y="1189"/>
                    <a:pt x="865" y="938"/>
                  </a:cubicBezTo>
                  <a:lnTo>
                    <a:pt x="865" y="882"/>
                  </a:lnTo>
                  <a:cubicBezTo>
                    <a:pt x="977" y="743"/>
                    <a:pt x="1005" y="548"/>
                    <a:pt x="893" y="380"/>
                  </a:cubicBezTo>
                  <a:lnTo>
                    <a:pt x="809" y="213"/>
                  </a:lnTo>
                  <a:cubicBezTo>
                    <a:pt x="721" y="80"/>
                    <a:pt x="580" y="0"/>
                    <a:pt x="443" y="0"/>
                  </a:cubicBezTo>
                  <a:close/>
                  <a:moveTo>
                    <a:pt x="1240" y="1357"/>
                  </a:moveTo>
                  <a:cubicBezTo>
                    <a:pt x="1169" y="1357"/>
                    <a:pt x="1098" y="1375"/>
                    <a:pt x="1033" y="1412"/>
                  </a:cubicBezTo>
                  <a:cubicBezTo>
                    <a:pt x="809" y="1552"/>
                    <a:pt x="754" y="1803"/>
                    <a:pt x="865" y="1998"/>
                  </a:cubicBezTo>
                  <a:lnTo>
                    <a:pt x="1228" y="2612"/>
                  </a:lnTo>
                  <a:cubicBezTo>
                    <a:pt x="1312" y="2724"/>
                    <a:pt x="1451" y="2807"/>
                    <a:pt x="1591" y="2807"/>
                  </a:cubicBezTo>
                  <a:cubicBezTo>
                    <a:pt x="1674" y="2807"/>
                    <a:pt x="1730" y="2779"/>
                    <a:pt x="1814" y="2752"/>
                  </a:cubicBezTo>
                  <a:cubicBezTo>
                    <a:pt x="2009" y="2640"/>
                    <a:pt x="2093" y="2361"/>
                    <a:pt x="1953" y="2166"/>
                  </a:cubicBezTo>
                  <a:lnTo>
                    <a:pt x="1618" y="1580"/>
                  </a:lnTo>
                  <a:cubicBezTo>
                    <a:pt x="1526" y="1431"/>
                    <a:pt x="1383" y="1357"/>
                    <a:pt x="1240" y="1357"/>
                  </a:cubicBezTo>
                  <a:close/>
                  <a:moveTo>
                    <a:pt x="447" y="1887"/>
                  </a:moveTo>
                  <a:cubicBezTo>
                    <a:pt x="196" y="1887"/>
                    <a:pt x="0" y="2082"/>
                    <a:pt x="0" y="2333"/>
                  </a:cubicBezTo>
                  <a:lnTo>
                    <a:pt x="0" y="3003"/>
                  </a:lnTo>
                  <a:cubicBezTo>
                    <a:pt x="0" y="3254"/>
                    <a:pt x="196" y="3449"/>
                    <a:pt x="447" y="3449"/>
                  </a:cubicBezTo>
                  <a:cubicBezTo>
                    <a:pt x="670" y="3449"/>
                    <a:pt x="865" y="3254"/>
                    <a:pt x="865" y="3003"/>
                  </a:cubicBezTo>
                  <a:lnTo>
                    <a:pt x="865" y="2333"/>
                  </a:lnTo>
                  <a:cubicBezTo>
                    <a:pt x="865" y="2082"/>
                    <a:pt x="670" y="1887"/>
                    <a:pt x="447" y="1887"/>
                  </a:cubicBezTo>
                  <a:close/>
                  <a:moveTo>
                    <a:pt x="2300" y="3142"/>
                  </a:moveTo>
                  <a:cubicBezTo>
                    <a:pt x="2229" y="3142"/>
                    <a:pt x="2158" y="3161"/>
                    <a:pt x="2093" y="3198"/>
                  </a:cubicBezTo>
                  <a:cubicBezTo>
                    <a:pt x="1870" y="3337"/>
                    <a:pt x="1814" y="3589"/>
                    <a:pt x="1925" y="3784"/>
                  </a:cubicBezTo>
                  <a:lnTo>
                    <a:pt x="2288" y="4398"/>
                  </a:lnTo>
                  <a:cubicBezTo>
                    <a:pt x="2372" y="4509"/>
                    <a:pt x="2511" y="4593"/>
                    <a:pt x="2651" y="4593"/>
                  </a:cubicBezTo>
                  <a:cubicBezTo>
                    <a:pt x="2734" y="4593"/>
                    <a:pt x="2790" y="4565"/>
                    <a:pt x="2874" y="4537"/>
                  </a:cubicBezTo>
                  <a:cubicBezTo>
                    <a:pt x="3069" y="4426"/>
                    <a:pt x="3125" y="4147"/>
                    <a:pt x="3013" y="3951"/>
                  </a:cubicBezTo>
                  <a:lnTo>
                    <a:pt x="2679" y="3365"/>
                  </a:lnTo>
                  <a:cubicBezTo>
                    <a:pt x="2586" y="3217"/>
                    <a:pt x="2443" y="3142"/>
                    <a:pt x="2300" y="3142"/>
                  </a:cubicBezTo>
                  <a:close/>
                  <a:moveTo>
                    <a:pt x="447" y="3979"/>
                  </a:moveTo>
                  <a:cubicBezTo>
                    <a:pt x="196" y="3979"/>
                    <a:pt x="0" y="4174"/>
                    <a:pt x="0" y="4398"/>
                  </a:cubicBezTo>
                  <a:lnTo>
                    <a:pt x="0" y="5095"/>
                  </a:lnTo>
                  <a:cubicBezTo>
                    <a:pt x="0" y="5318"/>
                    <a:pt x="196" y="5514"/>
                    <a:pt x="447" y="5514"/>
                  </a:cubicBezTo>
                  <a:cubicBezTo>
                    <a:pt x="670" y="5514"/>
                    <a:pt x="865" y="5318"/>
                    <a:pt x="865" y="5095"/>
                  </a:cubicBezTo>
                  <a:lnTo>
                    <a:pt x="865" y="4398"/>
                  </a:lnTo>
                  <a:cubicBezTo>
                    <a:pt x="865" y="4174"/>
                    <a:pt x="670" y="3979"/>
                    <a:pt x="447" y="3979"/>
                  </a:cubicBezTo>
                  <a:close/>
                  <a:moveTo>
                    <a:pt x="447" y="6044"/>
                  </a:moveTo>
                  <a:cubicBezTo>
                    <a:pt x="196" y="6044"/>
                    <a:pt x="0" y="6239"/>
                    <a:pt x="0" y="6462"/>
                  </a:cubicBezTo>
                  <a:lnTo>
                    <a:pt x="0" y="7160"/>
                  </a:lnTo>
                  <a:cubicBezTo>
                    <a:pt x="0" y="7411"/>
                    <a:pt x="196" y="7578"/>
                    <a:pt x="447" y="7578"/>
                  </a:cubicBezTo>
                  <a:cubicBezTo>
                    <a:pt x="670" y="7578"/>
                    <a:pt x="865" y="7411"/>
                    <a:pt x="865" y="7160"/>
                  </a:cubicBezTo>
                  <a:lnTo>
                    <a:pt x="865" y="6462"/>
                  </a:lnTo>
                  <a:cubicBezTo>
                    <a:pt x="865" y="6239"/>
                    <a:pt x="670" y="6044"/>
                    <a:pt x="447" y="6044"/>
                  </a:cubicBezTo>
                  <a:close/>
                  <a:moveTo>
                    <a:pt x="447" y="8108"/>
                  </a:moveTo>
                  <a:cubicBezTo>
                    <a:pt x="196" y="8108"/>
                    <a:pt x="0" y="8303"/>
                    <a:pt x="0" y="8555"/>
                  </a:cubicBezTo>
                  <a:lnTo>
                    <a:pt x="0" y="9224"/>
                  </a:lnTo>
                  <a:cubicBezTo>
                    <a:pt x="0" y="9475"/>
                    <a:pt x="196" y="9671"/>
                    <a:pt x="447" y="9671"/>
                  </a:cubicBezTo>
                  <a:cubicBezTo>
                    <a:pt x="670" y="9671"/>
                    <a:pt x="865" y="9475"/>
                    <a:pt x="865" y="9224"/>
                  </a:cubicBezTo>
                  <a:lnTo>
                    <a:pt x="865" y="8555"/>
                  </a:lnTo>
                  <a:cubicBezTo>
                    <a:pt x="865" y="8303"/>
                    <a:pt x="670" y="8108"/>
                    <a:pt x="447" y="8108"/>
                  </a:cubicBezTo>
                  <a:close/>
                  <a:moveTo>
                    <a:pt x="447" y="10201"/>
                  </a:moveTo>
                  <a:cubicBezTo>
                    <a:pt x="196" y="10201"/>
                    <a:pt x="0" y="10396"/>
                    <a:pt x="0" y="10619"/>
                  </a:cubicBezTo>
                  <a:lnTo>
                    <a:pt x="0" y="11317"/>
                  </a:lnTo>
                  <a:cubicBezTo>
                    <a:pt x="0" y="11540"/>
                    <a:pt x="196" y="11735"/>
                    <a:pt x="447" y="11735"/>
                  </a:cubicBezTo>
                  <a:cubicBezTo>
                    <a:pt x="670" y="11735"/>
                    <a:pt x="865" y="11540"/>
                    <a:pt x="865" y="11317"/>
                  </a:cubicBezTo>
                  <a:lnTo>
                    <a:pt x="865" y="10619"/>
                  </a:lnTo>
                  <a:cubicBezTo>
                    <a:pt x="865" y="10396"/>
                    <a:pt x="670" y="10201"/>
                    <a:pt x="447" y="10201"/>
                  </a:cubicBezTo>
                  <a:close/>
                  <a:moveTo>
                    <a:pt x="447" y="12265"/>
                  </a:moveTo>
                  <a:cubicBezTo>
                    <a:pt x="196" y="12265"/>
                    <a:pt x="0" y="12460"/>
                    <a:pt x="0" y="12684"/>
                  </a:cubicBezTo>
                  <a:lnTo>
                    <a:pt x="0" y="13381"/>
                  </a:lnTo>
                  <a:cubicBezTo>
                    <a:pt x="0" y="13632"/>
                    <a:pt x="196" y="13800"/>
                    <a:pt x="447" y="13800"/>
                  </a:cubicBezTo>
                  <a:cubicBezTo>
                    <a:pt x="670" y="13800"/>
                    <a:pt x="865" y="13632"/>
                    <a:pt x="865" y="13381"/>
                  </a:cubicBezTo>
                  <a:lnTo>
                    <a:pt x="865" y="12684"/>
                  </a:lnTo>
                  <a:cubicBezTo>
                    <a:pt x="865" y="12460"/>
                    <a:pt x="670" y="12265"/>
                    <a:pt x="447" y="12265"/>
                  </a:cubicBezTo>
                  <a:close/>
                </a:path>
              </a:pathLst>
            </a:custGeom>
            <a:solidFill>
              <a:schemeClr val="dk1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dirty="0"/>
            </a:p>
          </p:txBody>
        </p:sp>
        <p:sp>
          <p:nvSpPr>
            <p:cNvPr id="149" name="Google Shape;149;p15"/>
            <p:cNvSpPr/>
            <p:nvPr/>
          </p:nvSpPr>
          <p:spPr>
            <a:xfrm>
              <a:off x="4261229" y="285104"/>
              <a:ext cx="96014" cy="115916"/>
            </a:xfrm>
            <a:custGeom>
              <a:avLst/>
              <a:gdLst/>
              <a:ahLst/>
              <a:cxnLst/>
              <a:rect l="l" t="t" r="r" b="b"/>
              <a:pathLst>
                <a:path w="3517" h="4246" extrusionOk="0">
                  <a:moveTo>
                    <a:pt x="3030" y="1"/>
                  </a:moveTo>
                  <a:cubicBezTo>
                    <a:pt x="2903" y="1"/>
                    <a:pt x="2777" y="58"/>
                    <a:pt x="2679" y="172"/>
                  </a:cubicBezTo>
                  <a:lnTo>
                    <a:pt x="2288" y="730"/>
                  </a:lnTo>
                  <a:cubicBezTo>
                    <a:pt x="2149" y="897"/>
                    <a:pt x="2177" y="1176"/>
                    <a:pt x="2372" y="1316"/>
                  </a:cubicBezTo>
                  <a:cubicBezTo>
                    <a:pt x="2428" y="1372"/>
                    <a:pt x="2540" y="1399"/>
                    <a:pt x="2623" y="1399"/>
                  </a:cubicBezTo>
                  <a:cubicBezTo>
                    <a:pt x="2735" y="1399"/>
                    <a:pt x="2874" y="1344"/>
                    <a:pt x="2958" y="1232"/>
                  </a:cubicBezTo>
                  <a:lnTo>
                    <a:pt x="3377" y="674"/>
                  </a:lnTo>
                  <a:cubicBezTo>
                    <a:pt x="3516" y="507"/>
                    <a:pt x="3488" y="228"/>
                    <a:pt x="3293" y="88"/>
                  </a:cubicBezTo>
                  <a:cubicBezTo>
                    <a:pt x="3211" y="30"/>
                    <a:pt x="3120" y="1"/>
                    <a:pt x="3030" y="1"/>
                  </a:cubicBezTo>
                  <a:close/>
                  <a:moveTo>
                    <a:pt x="1794" y="1655"/>
                  </a:moveTo>
                  <a:cubicBezTo>
                    <a:pt x="1663" y="1655"/>
                    <a:pt x="1537" y="1716"/>
                    <a:pt x="1451" y="1818"/>
                  </a:cubicBezTo>
                  <a:lnTo>
                    <a:pt x="1033" y="2376"/>
                  </a:lnTo>
                  <a:cubicBezTo>
                    <a:pt x="894" y="2571"/>
                    <a:pt x="921" y="2822"/>
                    <a:pt x="1117" y="2990"/>
                  </a:cubicBezTo>
                  <a:cubicBezTo>
                    <a:pt x="1200" y="3045"/>
                    <a:pt x="1284" y="3073"/>
                    <a:pt x="1368" y="3073"/>
                  </a:cubicBezTo>
                  <a:cubicBezTo>
                    <a:pt x="1507" y="3073"/>
                    <a:pt x="1619" y="2990"/>
                    <a:pt x="1703" y="2878"/>
                  </a:cubicBezTo>
                  <a:lnTo>
                    <a:pt x="2121" y="2348"/>
                  </a:lnTo>
                  <a:cubicBezTo>
                    <a:pt x="2261" y="2153"/>
                    <a:pt x="2233" y="1874"/>
                    <a:pt x="2037" y="1734"/>
                  </a:cubicBezTo>
                  <a:cubicBezTo>
                    <a:pt x="1961" y="1680"/>
                    <a:pt x="1877" y="1655"/>
                    <a:pt x="1794" y="1655"/>
                  </a:cubicBezTo>
                  <a:close/>
                  <a:moveTo>
                    <a:pt x="538" y="3321"/>
                  </a:moveTo>
                  <a:cubicBezTo>
                    <a:pt x="406" y="3321"/>
                    <a:pt x="277" y="3378"/>
                    <a:pt x="196" y="3492"/>
                  </a:cubicBezTo>
                  <a:lnTo>
                    <a:pt x="140" y="3576"/>
                  </a:lnTo>
                  <a:cubicBezTo>
                    <a:pt x="1" y="3743"/>
                    <a:pt x="29" y="4022"/>
                    <a:pt x="224" y="4161"/>
                  </a:cubicBezTo>
                  <a:cubicBezTo>
                    <a:pt x="308" y="4217"/>
                    <a:pt x="391" y="4245"/>
                    <a:pt x="475" y="4245"/>
                  </a:cubicBezTo>
                  <a:cubicBezTo>
                    <a:pt x="615" y="4245"/>
                    <a:pt x="726" y="4189"/>
                    <a:pt x="810" y="4078"/>
                  </a:cubicBezTo>
                  <a:lnTo>
                    <a:pt x="894" y="3994"/>
                  </a:lnTo>
                  <a:cubicBezTo>
                    <a:pt x="1033" y="3799"/>
                    <a:pt x="977" y="3548"/>
                    <a:pt x="810" y="3408"/>
                  </a:cubicBezTo>
                  <a:cubicBezTo>
                    <a:pt x="728" y="3350"/>
                    <a:pt x="633" y="3321"/>
                    <a:pt x="538" y="3321"/>
                  </a:cubicBezTo>
                  <a:close/>
                </a:path>
              </a:pathLst>
            </a:custGeom>
            <a:solidFill>
              <a:schemeClr val="dk1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dirty="0"/>
            </a:p>
          </p:txBody>
        </p:sp>
      </p:grpSp>
    </p:spTree>
    <p:extLst>
      <p:ext uri="{BB962C8B-B14F-4D97-AF65-F5344CB8AC3E}">
        <p14:creationId xmlns:p14="http://schemas.microsoft.com/office/powerpoint/2010/main" val="99457796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5DF699A-500B-4399-816A-6AACF1BB5A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2F9461-7813-4DAC-B0D3-8EE06EAE015B}" type="datetimeFigureOut">
              <a:rPr lang="en-US" smtClean="0"/>
              <a:t>12/23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B4D8F22-ED54-4E00-9D23-DA557E8DAB9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7D67A3C-8F0A-4C69-B87F-36243345E5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1AEAD9-50C5-427E-8650-34DEF50623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687861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10" Type="http://schemas.openxmlformats.org/officeDocument/2006/relationships/hyperlink" Target="https://lmnas.com/" TargetMode="Externa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 name="simple-light-2">
    <p:bg>
      <p:bgPr>
        <a:gradFill>
          <a:gsLst>
            <a:gs pos="0">
              <a:schemeClr val="bg1"/>
            </a:gs>
            <a:gs pos="66000">
              <a:srgbClr val="FDEDF0">
                <a:alpha val="18000"/>
              </a:srgbClr>
            </a:gs>
            <a:gs pos="32000">
              <a:srgbClr val="E6EFFA">
                <a:alpha val="42745"/>
              </a:srgbClr>
            </a:gs>
            <a:gs pos="100000">
              <a:schemeClr val="bg1"/>
            </a:gs>
          </a:gsLst>
          <a:lin ang="2700000" scaled="0"/>
        </a:gradFill>
        <a:effectLst/>
      </p:bgPr>
    </p:bg>
    <p:spTree>
      <p:nvGrpSpPr>
        <p:cNvPr id="1" name="Shape 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A blue and black logo&#10;&#10;Description automatically generated">
            <a:extLst>
              <a:ext uri="{FF2B5EF4-FFF2-40B4-BE49-F238E27FC236}">
                <a16:creationId xmlns:a16="http://schemas.microsoft.com/office/drawing/2014/main" id="{BA639048-CAEE-CAF3-FA02-FF9FADDB20D0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235131" y="156227"/>
            <a:ext cx="1141428" cy="38410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CADB4258-E5BE-5B35-CE93-D89E141AA19F}"/>
              </a:ext>
            </a:extLst>
          </p:cNvPr>
          <p:cNvSpPr txBox="1"/>
          <p:nvPr userDrawn="1"/>
        </p:nvSpPr>
        <p:spPr>
          <a:xfrm>
            <a:off x="562766" y="386563"/>
            <a:ext cx="3483429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N" sz="700" b="1" spc="0" dirty="0">
                <a:solidFill>
                  <a:srgbClr val="225AA0"/>
                </a:solidFill>
                <a:latin typeface="+mj-lt"/>
              </a:rPr>
              <a:t>Grow Non-Linear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8954947C-792F-35D2-1F29-F6202A7524A4}"/>
              </a:ext>
            </a:extLst>
          </p:cNvPr>
          <p:cNvSpPr txBox="1"/>
          <p:nvPr userDrawn="1"/>
        </p:nvSpPr>
        <p:spPr>
          <a:xfrm>
            <a:off x="4968242" y="4771829"/>
            <a:ext cx="380999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 typeface="Arial"/>
              <a:buNone/>
              <a:tabLst/>
              <a:defRPr/>
            </a:pPr>
            <a:r>
              <a:rPr lang="en-US" sz="800" b="0" dirty="0">
                <a:solidFill>
                  <a:schemeClr val="tx2">
                    <a:lumMod val="75000"/>
                  </a:schemeClr>
                </a:solidFill>
                <a:effectLst/>
                <a:latin typeface="Consolas" panose="020B0609020204030204" pitchFamily="49" charset="0"/>
              </a:rPr>
              <a:t>© Copyright 2023 LMNAs Cloud Solutions LLP. All rights reserved.</a:t>
            </a:r>
          </a:p>
          <a:p>
            <a:pPr algn="ctr"/>
            <a:endParaRPr lang="en-IN" sz="800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A13B2556-EDDF-D988-4B52-C39DCC03214B}"/>
              </a:ext>
            </a:extLst>
          </p:cNvPr>
          <p:cNvSpPr txBox="1"/>
          <p:nvPr userDrawn="1"/>
        </p:nvSpPr>
        <p:spPr>
          <a:xfrm>
            <a:off x="522513" y="4771829"/>
            <a:ext cx="1045030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N" sz="800" u="none" dirty="0">
                <a:ln>
                  <a:noFill/>
                </a:ln>
                <a:solidFill>
                  <a:schemeClr val="accent4"/>
                </a:solidFill>
                <a:latin typeface="+mj-lt"/>
              </a:rPr>
              <a:t>www.lmnas.com</a:t>
            </a:r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549FD5E2-2023-DB4C-A2A5-64F2BF379D9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202733" y="4497192"/>
            <a:ext cx="418754" cy="27463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55B21A0-C56C-4BCB-A606-BA1B31E568E3}" type="slidenum">
              <a:rPr lang="en-IN" smtClean="0"/>
              <a:t>‹#›</a:t>
            </a:fld>
            <a:endParaRPr lang="en-IN"/>
          </a:p>
        </p:txBody>
      </p:sp>
      <p:sp>
        <p:nvSpPr>
          <p:cNvPr id="2" name="Rectangle 1">
            <a:hlinkClick r:id="rId10"/>
            <a:extLst>
              <a:ext uri="{FF2B5EF4-FFF2-40B4-BE49-F238E27FC236}">
                <a16:creationId xmlns:a16="http://schemas.microsoft.com/office/drawing/2014/main" id="{CB92DA8F-5116-D849-F4C0-AE8028157C43}"/>
              </a:ext>
            </a:extLst>
          </p:cNvPr>
          <p:cNvSpPr/>
          <p:nvPr userDrawn="1"/>
        </p:nvSpPr>
        <p:spPr>
          <a:xfrm>
            <a:off x="643656" y="4842744"/>
            <a:ext cx="789245" cy="8939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</p:sldLayoutIdLst>
  <p:hf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4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751ED7E8-330C-16F0-BFB3-6914E14AD06A}"/>
              </a:ext>
            </a:extLst>
          </p:cNvPr>
          <p:cNvSpPr txBox="1"/>
          <p:nvPr/>
        </p:nvSpPr>
        <p:spPr>
          <a:xfrm>
            <a:off x="357773" y="1277628"/>
            <a:ext cx="6203867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600" b="1" dirty="0">
                <a:solidFill>
                  <a:srgbClr val="E11D48"/>
                </a:solidFill>
                <a:latin typeface="Cochocib Script Latin Pro" panose="02000503000000020003" pitchFamily="2" charset="0"/>
              </a:rPr>
              <a:t>Welcome</a:t>
            </a:r>
            <a:endParaRPr lang="en-US" sz="4800" dirty="0">
              <a:solidFill>
                <a:srgbClr val="E11D48"/>
              </a:solidFill>
              <a:latin typeface="Cochocib Script Latin Pro" panose="02000503000000020003" pitchFamily="2" charset="0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5023E19A-469C-82FB-BDBE-D0EADB9BBEEE}"/>
              </a:ext>
            </a:extLst>
          </p:cNvPr>
          <p:cNvSpPr txBox="1"/>
          <p:nvPr/>
        </p:nvSpPr>
        <p:spPr>
          <a:xfrm>
            <a:off x="2277559" y="2419462"/>
            <a:ext cx="6203867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6000" b="1" dirty="0">
                <a:solidFill>
                  <a:schemeClr val="accent2"/>
                </a:solidFill>
                <a:latin typeface="Arabic Typesetting" panose="020F0502020204030204" pitchFamily="66" charset="-78"/>
                <a:cs typeface="Arabic Typesetting" panose="020F0502020204030204" pitchFamily="66" charset="-78"/>
              </a:rPr>
              <a:t>Girish </a:t>
            </a:r>
            <a:r>
              <a:rPr lang="en-US" sz="6000" b="1" dirty="0" err="1">
                <a:solidFill>
                  <a:schemeClr val="accent2"/>
                </a:solidFill>
                <a:latin typeface="Arabic Typesetting" panose="020F0502020204030204" pitchFamily="66" charset="-78"/>
                <a:cs typeface="Arabic Typesetting" panose="020F0502020204030204" pitchFamily="66" charset="-78"/>
              </a:rPr>
              <a:t>Jois</a:t>
            </a:r>
            <a:endParaRPr lang="en-US" sz="2800" dirty="0">
              <a:solidFill>
                <a:schemeClr val="accent2"/>
              </a:solidFill>
              <a:latin typeface="Arabic Typesetting" panose="020F0502020204030204" pitchFamily="66" charset="-78"/>
              <a:cs typeface="Arabic Typesetting" panose="020F0502020204030204" pitchFamily="66" charset="-78"/>
            </a:endParaRPr>
          </a:p>
        </p:txBody>
      </p:sp>
    </p:spTree>
    <p:extLst>
      <p:ext uri="{BB962C8B-B14F-4D97-AF65-F5344CB8AC3E}">
        <p14:creationId xmlns:p14="http://schemas.microsoft.com/office/powerpoint/2010/main" val="175620130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" name="Rectangle 183"/>
          <p:cNvSpPr/>
          <p:nvPr/>
        </p:nvSpPr>
        <p:spPr>
          <a:xfrm>
            <a:off x="3027820" y="464219"/>
            <a:ext cx="2582919" cy="525243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90000" tIns="45000" rIns="90000" bIns="45000" anchor="t">
            <a:no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en-IN" sz="2800" b="1" strike="noStrike" spc="-1" dirty="0">
                <a:solidFill>
                  <a:srgbClr val="2A6099"/>
                </a:solidFill>
                <a:latin typeface="+mj-lt"/>
                <a:ea typeface="DejaVu Sans"/>
              </a:rPr>
              <a:t> Roadmap</a:t>
            </a:r>
            <a:endParaRPr lang="en-IN" sz="2800" b="1" strike="noStrike" spc="-1" dirty="0">
              <a:latin typeface="+mj-lt"/>
            </a:endParaRPr>
          </a:p>
        </p:txBody>
      </p:sp>
      <p:sp>
        <p:nvSpPr>
          <p:cNvPr id="185" name="Rectangle 184"/>
          <p:cNvSpPr/>
          <p:nvPr/>
        </p:nvSpPr>
        <p:spPr>
          <a:xfrm>
            <a:off x="900000" y="1440000"/>
            <a:ext cx="2517840" cy="28800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/>
          <a:lstStyle/>
          <a:p>
            <a:endParaRPr lang="en-IN"/>
          </a:p>
        </p:txBody>
      </p:sp>
      <p:sp>
        <p:nvSpPr>
          <p:cNvPr id="186" name="Rectangle 185"/>
          <p:cNvSpPr/>
          <p:nvPr/>
        </p:nvSpPr>
        <p:spPr>
          <a:xfrm>
            <a:off x="720000" y="1440000"/>
            <a:ext cx="4302376" cy="3153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90000" tIns="45000" rIns="90000" bIns="45000" anchor="t">
            <a:noAutofit/>
          </a:bodyPr>
          <a:lstStyle/>
          <a:p>
            <a:pPr>
              <a:lnSpc>
                <a:spcPct val="100000"/>
              </a:lnSpc>
              <a:buNone/>
            </a:pPr>
            <a:r>
              <a:rPr lang="en-IN" sz="1600" b="1" strike="noStrike" spc="-1" dirty="0">
                <a:solidFill>
                  <a:srgbClr val="2A6099"/>
                </a:solidFill>
                <a:latin typeface="+mj-lt"/>
                <a:ea typeface="DejaVu Sans"/>
              </a:rPr>
              <a:t>Identifying Bottleneck and Inefficiencies</a:t>
            </a:r>
            <a:endParaRPr lang="en-IN" sz="1600" b="1" strike="noStrike" spc="-1" dirty="0">
              <a:latin typeface="+mj-lt"/>
            </a:endParaRPr>
          </a:p>
        </p:txBody>
      </p:sp>
      <p:sp>
        <p:nvSpPr>
          <p:cNvPr id="187" name="Rectangle 186"/>
          <p:cNvSpPr/>
          <p:nvPr/>
        </p:nvSpPr>
        <p:spPr>
          <a:xfrm>
            <a:off x="5148000" y="1440000"/>
            <a:ext cx="3419280" cy="3153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90000" tIns="45000" rIns="90000" bIns="45000" anchor="t">
            <a:noAutofit/>
          </a:bodyPr>
          <a:lstStyle/>
          <a:p>
            <a:pPr>
              <a:lnSpc>
                <a:spcPct val="100000"/>
              </a:lnSpc>
              <a:buNone/>
            </a:pPr>
            <a:r>
              <a:rPr lang="en-IN" sz="1600" b="1" strike="noStrike" spc="-1" dirty="0">
                <a:solidFill>
                  <a:srgbClr val="2A6099"/>
                </a:solidFill>
                <a:latin typeface="+mj-lt"/>
                <a:ea typeface="DejaVu Sans"/>
              </a:rPr>
              <a:t>Utilizing AI and Automation</a:t>
            </a:r>
            <a:endParaRPr lang="en-IN" sz="1600" b="1" strike="noStrike" spc="-1" dirty="0">
              <a:latin typeface="+mj-lt"/>
            </a:endParaRPr>
          </a:p>
        </p:txBody>
      </p:sp>
      <p:pic>
        <p:nvPicPr>
          <p:cNvPr id="188" name="Picture 187"/>
          <p:cNvPicPr/>
          <p:nvPr/>
        </p:nvPicPr>
        <p:blipFill>
          <a:blip r:embed="rId2">
            <a:alphaModFix amt="10000"/>
          </a:blip>
          <a:stretch/>
        </p:blipFill>
        <p:spPr>
          <a:xfrm>
            <a:off x="564120" y="1756080"/>
            <a:ext cx="4115160" cy="2743200"/>
          </a:xfrm>
          <a:prstGeom prst="rect">
            <a:avLst/>
          </a:prstGeom>
          <a:ln w="0">
            <a:noFill/>
          </a:ln>
        </p:spPr>
      </p:pic>
      <p:pic>
        <p:nvPicPr>
          <p:cNvPr id="189" name="Picture 188"/>
          <p:cNvPicPr/>
          <p:nvPr/>
        </p:nvPicPr>
        <p:blipFill>
          <a:blip r:embed="rId3">
            <a:alphaModFix amt="10000"/>
          </a:blip>
          <a:stretch/>
        </p:blipFill>
        <p:spPr>
          <a:xfrm>
            <a:off x="5400000" y="2160000"/>
            <a:ext cx="2519280" cy="2519280"/>
          </a:xfrm>
          <a:prstGeom prst="rect">
            <a:avLst/>
          </a:prstGeom>
          <a:ln w="0">
            <a:noFill/>
          </a:ln>
        </p:spPr>
      </p:pic>
      <p:sp>
        <p:nvSpPr>
          <p:cNvPr id="190" name="Rectangle 189"/>
          <p:cNvSpPr/>
          <p:nvPr/>
        </p:nvSpPr>
        <p:spPr>
          <a:xfrm>
            <a:off x="900000" y="2088000"/>
            <a:ext cx="3419280" cy="9709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90000" tIns="45000" rIns="90000" bIns="45000" anchor="t">
            <a:noAutofit/>
          </a:bodyPr>
          <a:lstStyle/>
          <a:p>
            <a:pPr marL="216000" indent="-216000">
              <a:lnSpc>
                <a:spcPct val="100000"/>
              </a:lnSpc>
              <a:spcBef>
                <a:spcPts val="567"/>
              </a:spcBef>
              <a:spcAft>
                <a:spcPts val="567"/>
              </a:spcAft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IN" sz="1300" b="0" strike="noStrike" spc="-1" dirty="0">
                <a:solidFill>
                  <a:srgbClr val="000000"/>
                </a:solidFill>
                <a:ea typeface="DejaVu Sans"/>
                <a:cs typeface="Arial" panose="020B0604020202020204" pitchFamily="34" charset="0"/>
              </a:rPr>
              <a:t>Implement advanced analytics to pinpoint areas for improvement.</a:t>
            </a:r>
            <a:endParaRPr lang="en-IN" sz="1300" b="0" strike="noStrike" spc="-1" dirty="0">
              <a:cs typeface="Arial" panose="020B0604020202020204" pitchFamily="34" charset="0"/>
            </a:endParaRPr>
          </a:p>
          <a:p>
            <a:pPr marL="216000" indent="-216000">
              <a:lnSpc>
                <a:spcPct val="100000"/>
              </a:lnSpc>
              <a:spcBef>
                <a:spcPts val="567"/>
              </a:spcBef>
              <a:spcAft>
                <a:spcPts val="567"/>
              </a:spcAft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IN" sz="1300" b="0" strike="noStrike" spc="-1" dirty="0">
                <a:solidFill>
                  <a:srgbClr val="000000"/>
                </a:solidFill>
                <a:ea typeface="DejaVu Sans"/>
                <a:cs typeface="Arial" panose="020B0604020202020204" pitchFamily="34" charset="0"/>
              </a:rPr>
              <a:t>Optimize processes to enhance overall efficiency.</a:t>
            </a:r>
            <a:endParaRPr lang="en-IN" sz="1300" b="0" strike="noStrike" spc="-1" dirty="0">
              <a:cs typeface="Arial" panose="020B0604020202020204" pitchFamily="34" charset="0"/>
            </a:endParaRPr>
          </a:p>
        </p:txBody>
      </p:sp>
      <p:sp>
        <p:nvSpPr>
          <p:cNvPr id="191" name="Rectangle 190"/>
          <p:cNvSpPr/>
          <p:nvPr/>
        </p:nvSpPr>
        <p:spPr>
          <a:xfrm>
            <a:off x="4932000" y="2088720"/>
            <a:ext cx="3419280" cy="115524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90000" tIns="45000" rIns="90000" bIns="45000" anchor="t">
            <a:noAutofit/>
          </a:bodyPr>
          <a:lstStyle/>
          <a:p>
            <a:pPr marL="216000" indent="-216000">
              <a:lnSpc>
                <a:spcPct val="100000"/>
              </a:lnSpc>
              <a:spcBef>
                <a:spcPts val="567"/>
              </a:spcBef>
              <a:spcAft>
                <a:spcPts val="567"/>
              </a:spcAft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IN" sz="1300" b="0" strike="noStrike" spc="-1">
                <a:solidFill>
                  <a:srgbClr val="000000"/>
                </a:solidFill>
                <a:ea typeface="Noto Sans CJK SC"/>
                <a:cs typeface="Arial" panose="020B0604020202020204" pitchFamily="34" charset="0"/>
              </a:rPr>
              <a:t>Integrate AI algorithms for predictive analysis.</a:t>
            </a:r>
            <a:endParaRPr lang="en-IN" sz="1300" b="0" strike="noStrike" spc="-1">
              <a:cs typeface="Arial" panose="020B0604020202020204" pitchFamily="34" charset="0"/>
            </a:endParaRPr>
          </a:p>
          <a:p>
            <a:pPr marL="216000" indent="-216000">
              <a:lnSpc>
                <a:spcPct val="100000"/>
              </a:lnSpc>
              <a:spcBef>
                <a:spcPts val="567"/>
              </a:spcBef>
              <a:spcAft>
                <a:spcPts val="567"/>
              </a:spcAft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IN" sz="1300" b="0" strike="noStrike" spc="-1">
                <a:solidFill>
                  <a:srgbClr val="000000"/>
                </a:solidFill>
                <a:ea typeface="Noto Sans CJK SC"/>
                <a:cs typeface="Arial" panose="020B0604020202020204" pitchFamily="34" charset="0"/>
              </a:rPr>
              <a:t>Implement automation solutions to streamline workflows and reduce manual intervention.</a:t>
            </a:r>
            <a:endParaRPr lang="en-IN" sz="1300" b="0" strike="noStrike" spc="-1">
              <a:cs typeface="Arial" panose="020B0604020202020204" pitchFamily="34" charset="0"/>
            </a:endParaRPr>
          </a:p>
        </p:txBody>
      </p:sp>
    </p:spTree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83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37" name="Google Shape;4837;p41"/>
          <p:cNvSpPr txBox="1">
            <a:spLocks noGrp="1"/>
          </p:cNvSpPr>
          <p:nvPr>
            <p:ph type="title" idx="4294967295"/>
          </p:nvPr>
        </p:nvSpPr>
        <p:spPr>
          <a:xfrm>
            <a:off x="457200" y="2026182"/>
            <a:ext cx="8229600" cy="775462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sz="3200" b="1" dirty="0">
                <a:solidFill>
                  <a:schemeClr val="accent2"/>
                </a:solidFill>
                <a:latin typeface="+mj-lt"/>
              </a:rPr>
              <a:t>LENS</a:t>
            </a:r>
            <a:r>
              <a:rPr lang="en" sz="3200" b="1" dirty="0">
                <a:solidFill>
                  <a:schemeClr val="accent3"/>
                </a:solidFill>
                <a:latin typeface="+mj-lt"/>
              </a:rPr>
              <a:t> BHV Demo</a:t>
            </a:r>
            <a:endParaRPr sz="3200" b="1" dirty="0">
              <a:solidFill>
                <a:schemeClr val="accent3"/>
              </a:solidFill>
              <a:latin typeface="+mj-lt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5EDBF87-1414-3B43-4D6C-16B4D725A20C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55B21A0-C56C-4BCB-A606-BA1B31E568E3}" type="slidenum">
              <a:rPr lang="en-IN" smtClean="0"/>
              <a:t>11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15647796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83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37" name="Google Shape;4837;p41"/>
          <p:cNvSpPr txBox="1">
            <a:spLocks noGrp="1"/>
          </p:cNvSpPr>
          <p:nvPr>
            <p:ph type="title" idx="4294967295"/>
          </p:nvPr>
        </p:nvSpPr>
        <p:spPr>
          <a:xfrm>
            <a:off x="457200" y="2026182"/>
            <a:ext cx="8229600" cy="775462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sz="3200" b="1" dirty="0">
                <a:solidFill>
                  <a:schemeClr val="accent2"/>
                </a:solidFill>
                <a:latin typeface="+mj-lt"/>
              </a:rPr>
              <a:t>LENS CRM</a:t>
            </a:r>
            <a:r>
              <a:rPr lang="en" sz="3200" b="1" dirty="0">
                <a:solidFill>
                  <a:schemeClr val="accent3"/>
                </a:solidFill>
                <a:latin typeface="+mj-lt"/>
              </a:rPr>
              <a:t> Demo</a:t>
            </a:r>
            <a:endParaRPr sz="3200" b="1" dirty="0">
              <a:solidFill>
                <a:schemeClr val="accent3"/>
              </a:solidFill>
              <a:latin typeface="+mj-lt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5EDBF87-1414-3B43-4D6C-16B4D725A20C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55B21A0-C56C-4BCB-A606-BA1B31E568E3}" type="slidenum">
              <a:rPr lang="en-IN" smtClean="0"/>
              <a:t>12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425778485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83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37" name="Google Shape;4837;p41"/>
          <p:cNvSpPr txBox="1">
            <a:spLocks noGrp="1"/>
          </p:cNvSpPr>
          <p:nvPr>
            <p:ph type="title" idx="4294967295"/>
          </p:nvPr>
        </p:nvSpPr>
        <p:spPr>
          <a:xfrm>
            <a:off x="457200" y="2026182"/>
            <a:ext cx="8229600" cy="775462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sz="3200" b="1" dirty="0">
                <a:solidFill>
                  <a:schemeClr val="accent2"/>
                </a:solidFill>
                <a:latin typeface="+mj-lt"/>
              </a:rPr>
              <a:t>Thank</a:t>
            </a:r>
            <a:r>
              <a:rPr lang="en" sz="3200" b="1" dirty="0">
                <a:solidFill>
                  <a:schemeClr val="accent3"/>
                </a:solidFill>
                <a:latin typeface="+mj-lt"/>
              </a:rPr>
              <a:t> You</a:t>
            </a:r>
            <a:endParaRPr sz="3200" b="1" dirty="0">
              <a:solidFill>
                <a:schemeClr val="accent3"/>
              </a:solidFill>
              <a:latin typeface="+mj-lt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5EDBF87-1414-3B43-4D6C-16B4D725A20C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55B21A0-C56C-4BCB-A606-BA1B31E568E3}" type="slidenum">
              <a:rPr lang="en-IN" smtClean="0"/>
              <a:t>13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75546091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4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751ED7E8-330C-16F0-BFB3-6914E14AD06A}"/>
              </a:ext>
            </a:extLst>
          </p:cNvPr>
          <p:cNvSpPr txBox="1"/>
          <p:nvPr/>
        </p:nvSpPr>
        <p:spPr>
          <a:xfrm>
            <a:off x="1470066" y="1749510"/>
            <a:ext cx="6203867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>
                <a:solidFill>
                  <a:schemeClr val="accent2"/>
                </a:solidFill>
                <a:latin typeface="+mj-lt"/>
              </a:rPr>
              <a:t>SGB CLIENT VISIT</a:t>
            </a:r>
          </a:p>
          <a:p>
            <a:pPr algn="ctr"/>
            <a:r>
              <a:rPr lang="en-US" dirty="0">
                <a:solidFill>
                  <a:schemeClr val="accent3"/>
                </a:solidFill>
                <a:latin typeface="+mn-lt"/>
              </a:rPr>
              <a:t>(Saturday, 23</a:t>
            </a:r>
            <a:r>
              <a:rPr lang="en-US" baseline="30000" dirty="0">
                <a:solidFill>
                  <a:schemeClr val="accent3"/>
                </a:solidFill>
                <a:latin typeface="+mn-lt"/>
              </a:rPr>
              <a:t>rd</a:t>
            </a:r>
            <a:r>
              <a:rPr lang="en-US" dirty="0">
                <a:solidFill>
                  <a:schemeClr val="accent3"/>
                </a:solidFill>
                <a:latin typeface="+mn-lt"/>
              </a:rPr>
              <a:t> Dec 2023) </a:t>
            </a:r>
          </a:p>
        </p:txBody>
      </p:sp>
    </p:spTree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4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9105765B-9B47-BC97-E182-DBE30D52164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995412136"/>
              </p:ext>
            </p:extLst>
          </p:nvPr>
        </p:nvGraphicFramePr>
        <p:xfrm>
          <a:off x="615126" y="766525"/>
          <a:ext cx="7704648" cy="4053840"/>
        </p:xfrm>
        <a:graphic>
          <a:graphicData uri="http://schemas.openxmlformats.org/drawingml/2006/table">
            <a:tbl>
              <a:tblPr/>
              <a:tblGrid>
                <a:gridCol w="489774">
                  <a:extLst>
                    <a:ext uri="{9D8B030D-6E8A-4147-A177-3AD203B41FA5}">
                      <a16:colId xmlns:a16="http://schemas.microsoft.com/office/drawing/2014/main" val="808693940"/>
                    </a:ext>
                  </a:extLst>
                </a:gridCol>
                <a:gridCol w="868680">
                  <a:extLst>
                    <a:ext uri="{9D8B030D-6E8A-4147-A177-3AD203B41FA5}">
                      <a16:colId xmlns:a16="http://schemas.microsoft.com/office/drawing/2014/main" val="3223349096"/>
                    </a:ext>
                  </a:extLst>
                </a:gridCol>
                <a:gridCol w="561340">
                  <a:extLst>
                    <a:ext uri="{9D8B030D-6E8A-4147-A177-3AD203B41FA5}">
                      <a16:colId xmlns:a16="http://schemas.microsoft.com/office/drawing/2014/main" val="135265443"/>
                    </a:ext>
                  </a:extLst>
                </a:gridCol>
                <a:gridCol w="1765300">
                  <a:extLst>
                    <a:ext uri="{9D8B030D-6E8A-4147-A177-3AD203B41FA5}">
                      <a16:colId xmlns:a16="http://schemas.microsoft.com/office/drawing/2014/main" val="4219261747"/>
                    </a:ext>
                  </a:extLst>
                </a:gridCol>
                <a:gridCol w="1130311">
                  <a:extLst>
                    <a:ext uri="{9D8B030D-6E8A-4147-A177-3AD203B41FA5}">
                      <a16:colId xmlns:a16="http://schemas.microsoft.com/office/drawing/2014/main" val="3243000066"/>
                    </a:ext>
                  </a:extLst>
                </a:gridCol>
                <a:gridCol w="963081">
                  <a:extLst>
                    <a:ext uri="{9D8B030D-6E8A-4147-A177-3AD203B41FA5}">
                      <a16:colId xmlns:a16="http://schemas.microsoft.com/office/drawing/2014/main" val="92604550"/>
                    </a:ext>
                  </a:extLst>
                </a:gridCol>
                <a:gridCol w="963081">
                  <a:extLst>
                    <a:ext uri="{9D8B030D-6E8A-4147-A177-3AD203B41FA5}">
                      <a16:colId xmlns:a16="http://schemas.microsoft.com/office/drawing/2014/main" val="1155861315"/>
                    </a:ext>
                  </a:extLst>
                </a:gridCol>
                <a:gridCol w="963081">
                  <a:extLst>
                    <a:ext uri="{9D8B030D-6E8A-4147-A177-3AD203B41FA5}">
                      <a16:colId xmlns:a16="http://schemas.microsoft.com/office/drawing/2014/main" val="1043848496"/>
                    </a:ext>
                  </a:extLst>
                </a:gridCol>
              </a:tblGrid>
              <a:tr h="205094">
                <a:tc>
                  <a:txBody>
                    <a:bodyPr/>
                    <a:lstStyle/>
                    <a:p>
                      <a:pPr algn="ctr" fontAlgn="t"/>
                      <a:r>
                        <a:rPr lang="en-IN" sz="800" b="1" i="0" u="none" strike="noStrike" dirty="0" err="1">
                          <a:solidFill>
                            <a:schemeClr val="tx2"/>
                          </a:solidFill>
                          <a:effectLst/>
                          <a:latin typeface="+mn-lt"/>
                        </a:rPr>
                        <a:t>S.No</a:t>
                      </a:r>
                      <a:endParaRPr lang="en-IN" sz="800" b="1" i="0" u="none" strike="noStrike" dirty="0">
                        <a:solidFill>
                          <a:schemeClr val="tx2"/>
                        </a:solidFill>
                        <a:effectLst/>
                        <a:latin typeface="+mn-lt"/>
                      </a:endParaRP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IN" sz="800" b="1" i="0" u="none" strike="noStrike" dirty="0">
                          <a:solidFill>
                            <a:schemeClr val="tx2"/>
                          </a:solidFill>
                          <a:effectLst/>
                          <a:latin typeface="+mn-lt"/>
                        </a:rPr>
                        <a:t>Date / Day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IN" sz="800" b="1" i="0" u="none" strike="noStrike">
                          <a:solidFill>
                            <a:schemeClr val="tx2"/>
                          </a:solidFill>
                          <a:effectLst/>
                          <a:latin typeface="+mn-lt"/>
                        </a:rPr>
                        <a:t>Session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IN" sz="800" b="1" i="0" u="none" strike="noStrike" dirty="0">
                          <a:solidFill>
                            <a:schemeClr val="tx2"/>
                          </a:solidFill>
                          <a:effectLst/>
                          <a:latin typeface="+mn-lt"/>
                        </a:rPr>
                        <a:t>Topic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IN" sz="800" b="1" i="0" u="none" strike="noStrike" dirty="0">
                          <a:solidFill>
                            <a:schemeClr val="tx2"/>
                          </a:solidFill>
                          <a:effectLst/>
                          <a:latin typeface="+mn-lt"/>
                        </a:rPr>
                        <a:t>Time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IN" sz="800" b="1" i="0" u="none" strike="noStrike" dirty="0">
                          <a:solidFill>
                            <a:schemeClr val="tx2"/>
                          </a:solidFill>
                          <a:effectLst/>
                          <a:latin typeface="+mn-lt"/>
                        </a:rPr>
                        <a:t>Speakers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IN" sz="800" b="1" i="0" u="none" strike="noStrike" dirty="0">
                          <a:solidFill>
                            <a:schemeClr val="tx2"/>
                          </a:solidFill>
                          <a:effectLst/>
                          <a:latin typeface="+mn-lt"/>
                        </a:rPr>
                        <a:t>Participants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IN" sz="800" b="1" i="0" u="none" strike="noStrike" dirty="0">
                          <a:solidFill>
                            <a:schemeClr val="tx2"/>
                          </a:solidFill>
                          <a:effectLst/>
                          <a:latin typeface="+mn-lt"/>
                        </a:rPr>
                        <a:t>Location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45367373"/>
                  </a:ext>
                </a:extLst>
              </a:tr>
              <a:tr h="291953">
                <a:tc>
                  <a:txBody>
                    <a:bodyPr/>
                    <a:lstStyle/>
                    <a:p>
                      <a:pPr algn="ct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t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23 Dec 2023 / Saturday</a:t>
                      </a:r>
                    </a:p>
                    <a:p>
                      <a:pPr algn="l" fontAlgn="t"/>
                      <a:endParaRPr lang="en-IN" sz="7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rrival to Mayavaram by Train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2:30 PM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Girish Jois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Mayavaram</a:t>
                      </a:r>
                      <a:endParaRPr lang="en-IN" sz="7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58866823"/>
                  </a:ext>
                </a:extLst>
              </a:tr>
              <a:tr h="292991">
                <a:tc>
                  <a:txBody>
                    <a:bodyPr/>
                    <a:lstStyle/>
                    <a:p>
                      <a:pPr algn="ct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2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Pickup from Mayavaram, Check-In Hotel TQB and Lunch at Hotel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:30 PM to 2:30 PM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Ramesh &amp; Saravanan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Girish Jois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TQB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42486442"/>
                  </a:ext>
                </a:extLst>
              </a:tr>
              <a:tr h="292991">
                <a:tc>
                  <a:txBody>
                    <a:bodyPr/>
                    <a:lstStyle/>
                    <a:p>
                      <a:pPr algn="ct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Pick up from Hotel, TQB to LMNAs TQB by CAB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2:30 PM to 3:00 PM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Ramesh &amp; Saravanan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TQB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036220976"/>
                  </a:ext>
                </a:extLst>
              </a:tr>
              <a:tr h="292991">
                <a:tc>
                  <a:txBody>
                    <a:bodyPr/>
                    <a:lstStyle/>
                    <a:p>
                      <a:pPr algn="ct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4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ession 1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Welcome at LMNAS, </a:t>
                      </a:r>
                      <a:b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</a:br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rrival Welcome, lighting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:00 PM to 3:15 PM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Jothi &amp; Girish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Girish Jois &amp; Jothi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LMNAS, TQB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967887075"/>
                  </a:ext>
                </a:extLst>
              </a:tr>
              <a:tr h="292991">
                <a:tc>
                  <a:txBody>
                    <a:bodyPr/>
                    <a:lstStyle/>
                    <a:p>
                      <a:pPr algn="ct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5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ession 2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Introduction &amp; Overview - SGB &amp; LMNAS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:15 PM to 3:45 PM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Girish Jois &amp; Arun G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LMNAS, TQB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968909373"/>
                  </a:ext>
                </a:extLst>
              </a:tr>
              <a:tr h="292991">
                <a:tc>
                  <a:txBody>
                    <a:bodyPr/>
                    <a:lstStyle/>
                    <a:p>
                      <a:pPr algn="ct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6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ession 3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OCC Monitoring for Support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:45 PM to 4:15 PM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Ramesh ,Fathima &amp; Arul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amesh / Fathima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LMNAS, TQB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109036541"/>
                  </a:ext>
                </a:extLst>
              </a:tr>
              <a:tr h="292991">
                <a:tc>
                  <a:txBody>
                    <a:bodyPr/>
                    <a:lstStyle/>
                    <a:p>
                      <a:pPr algn="ct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7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ession 4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Process Mining Solution Demo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4:15 PM to 4:45 PM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Ayesha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yesha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LMNAS, TQB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96531555"/>
                  </a:ext>
                </a:extLst>
              </a:tr>
              <a:tr h="190444">
                <a:tc>
                  <a:txBody>
                    <a:bodyPr/>
                    <a:lstStyle/>
                    <a:p>
                      <a:pPr algn="ct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8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offee Break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4:45 PM to 5:15 PM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othi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LMNAS, TQB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1020483"/>
                  </a:ext>
                </a:extLst>
              </a:tr>
              <a:tr h="190444">
                <a:tc>
                  <a:txBody>
                    <a:bodyPr/>
                    <a:lstStyle/>
                    <a:p>
                      <a:pPr algn="ct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9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endParaRPr lang="en-IN" sz="7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endParaRPr lang="en-IN" sz="7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iscussion on next steps with SGB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5:15 PM to 6:00PM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Girish 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endParaRPr lang="en-IN" sz="7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endParaRPr lang="en-IN" sz="7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985611290"/>
                  </a:ext>
                </a:extLst>
              </a:tr>
              <a:tr h="292991">
                <a:tc>
                  <a:txBody>
                    <a:bodyPr/>
                    <a:lstStyle/>
                    <a:p>
                      <a:pPr algn="ct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0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ession 5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LENS CRM Demo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5:15 PM - 5:45 PM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  <a:r>
                        <a:rPr lang="en-IN" sz="7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Marliya</a:t>
                      </a:r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&amp; Arun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run G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LMNAS, TQB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842387628"/>
                  </a:ext>
                </a:extLst>
              </a:tr>
              <a:tr h="190444">
                <a:tc>
                  <a:txBody>
                    <a:bodyPr/>
                    <a:lstStyle/>
                    <a:p>
                      <a:pPr algn="ct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1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inner 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7:00 PM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Karaikal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925126700"/>
                  </a:ext>
                </a:extLst>
              </a:tr>
              <a:tr h="190444">
                <a:tc>
                  <a:txBody>
                    <a:bodyPr/>
                    <a:lstStyle/>
                    <a:p>
                      <a:pPr algn="ct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2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709502922"/>
                  </a:ext>
                </a:extLst>
              </a:tr>
              <a:tr h="190444">
                <a:tc>
                  <a:txBody>
                    <a:bodyPr/>
                    <a:lstStyle/>
                    <a:p>
                      <a:pPr algn="ct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3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rop to Hotel, TQB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9:00 PM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38120213"/>
                  </a:ext>
                </a:extLst>
              </a:tr>
              <a:tr h="293182">
                <a:tc>
                  <a:txBody>
                    <a:bodyPr/>
                    <a:lstStyle/>
                    <a:p>
                      <a:pPr algn="ct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4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24 Dec 2023 / Sunday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ight Seeing visit (Thirukadaiyur Temple, Thirumaiyam)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9:00 AM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IN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037943394"/>
                  </a:ext>
                </a:extLst>
              </a:tr>
            </a:tbl>
          </a:graphicData>
        </a:graphic>
      </p:graphicFrame>
      <p:sp>
        <p:nvSpPr>
          <p:cNvPr id="7" name="TextBox 6">
            <a:extLst>
              <a:ext uri="{FF2B5EF4-FFF2-40B4-BE49-F238E27FC236}">
                <a16:creationId xmlns:a16="http://schemas.microsoft.com/office/drawing/2014/main" id="{F80998DB-4CAB-CBEF-CE9A-068F8AE7C1BE}"/>
              </a:ext>
            </a:extLst>
          </p:cNvPr>
          <p:cNvSpPr txBox="1"/>
          <p:nvPr/>
        </p:nvSpPr>
        <p:spPr>
          <a:xfrm>
            <a:off x="4862306" y="124569"/>
            <a:ext cx="620386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>
                <a:solidFill>
                  <a:schemeClr val="accent3"/>
                </a:solidFill>
                <a:latin typeface="+mj-lt"/>
              </a:rPr>
              <a:t>Agenda</a:t>
            </a:r>
          </a:p>
        </p:txBody>
      </p:sp>
    </p:spTree>
    <p:extLst>
      <p:ext uri="{BB962C8B-B14F-4D97-AF65-F5344CB8AC3E}">
        <p14:creationId xmlns:p14="http://schemas.microsoft.com/office/powerpoint/2010/main" val="189117075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5797B730-FF71-CD42-10E5-7D7706B13F6D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8537925" y="4801213"/>
            <a:ext cx="419100" cy="274637"/>
          </a:xfrm>
        </p:spPr>
        <p:txBody>
          <a:bodyPr/>
          <a:lstStyle/>
          <a:p>
            <a:fld id="{655B21A0-C56C-4BCB-A606-BA1B31E568E3}" type="slidenum">
              <a:rPr lang="en-IN" smtClean="0"/>
              <a:t>4</a:t>
            </a:fld>
            <a:endParaRPr lang="en-IN" dirty="0"/>
          </a:p>
        </p:txBody>
      </p:sp>
      <p:grpSp>
        <p:nvGrpSpPr>
          <p:cNvPr id="122" name="Group 121">
            <a:extLst>
              <a:ext uri="{FF2B5EF4-FFF2-40B4-BE49-F238E27FC236}">
                <a16:creationId xmlns:a16="http://schemas.microsoft.com/office/drawing/2014/main" id="{7BC7BE26-47F7-8934-061B-1D1B94ADD815}"/>
              </a:ext>
            </a:extLst>
          </p:cNvPr>
          <p:cNvGrpSpPr/>
          <p:nvPr/>
        </p:nvGrpSpPr>
        <p:grpSpPr>
          <a:xfrm>
            <a:off x="373995" y="764828"/>
            <a:ext cx="8401972" cy="3893643"/>
            <a:chOff x="65313" y="291699"/>
            <a:chExt cx="11664563" cy="6013035"/>
          </a:xfrm>
        </p:grpSpPr>
        <p:sp>
          <p:nvSpPr>
            <p:cNvPr id="64" name="Rectangle: Single Corner Rounded 63">
              <a:extLst>
                <a:ext uri="{FF2B5EF4-FFF2-40B4-BE49-F238E27FC236}">
                  <a16:creationId xmlns:a16="http://schemas.microsoft.com/office/drawing/2014/main" id="{E41E1B86-9039-4CF2-3F3D-1CA4CFC4239E}"/>
                </a:ext>
              </a:extLst>
            </p:cNvPr>
            <p:cNvSpPr/>
            <p:nvPr/>
          </p:nvSpPr>
          <p:spPr>
            <a:xfrm flipV="1">
              <a:off x="65313" y="1090650"/>
              <a:ext cx="1577220" cy="5119649"/>
            </a:xfrm>
            <a:prstGeom prst="round1Rect">
              <a:avLst>
                <a:gd name="adj" fmla="val 7004"/>
              </a:avLst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1600" b="1">
                <a:latin typeface="Aptos" panose="020B0004020202020204" pitchFamily="34" charset="0"/>
              </a:endParaRPr>
            </a:p>
          </p:txBody>
        </p:sp>
        <p:sp>
          <p:nvSpPr>
            <p:cNvPr id="65" name="Rectangle 64">
              <a:extLst>
                <a:ext uri="{FF2B5EF4-FFF2-40B4-BE49-F238E27FC236}">
                  <a16:creationId xmlns:a16="http://schemas.microsoft.com/office/drawing/2014/main" id="{5A9D69A1-15CF-FD9C-17C5-E7AA3D3B7E71}"/>
                </a:ext>
              </a:extLst>
            </p:cNvPr>
            <p:cNvSpPr/>
            <p:nvPr/>
          </p:nvSpPr>
          <p:spPr>
            <a:xfrm>
              <a:off x="65313" y="291699"/>
              <a:ext cx="11664562" cy="336765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1200" b="1" dirty="0">
                  <a:latin typeface="Aptos" panose="020B0004020202020204" pitchFamily="34" charset="0"/>
                  <a:cs typeface="Times New Roman" panose="02020603050405020304" pitchFamily="18" charset="0"/>
                </a:rPr>
                <a:t>Client LENS SaaS Landscape</a:t>
              </a:r>
            </a:p>
          </p:txBody>
        </p:sp>
        <p:sp>
          <p:nvSpPr>
            <p:cNvPr id="66" name="Rectangle 65">
              <a:extLst>
                <a:ext uri="{FF2B5EF4-FFF2-40B4-BE49-F238E27FC236}">
                  <a16:creationId xmlns:a16="http://schemas.microsoft.com/office/drawing/2014/main" id="{8E97E193-EBD4-485B-4B68-D0EB83AE48E9}"/>
                </a:ext>
              </a:extLst>
            </p:cNvPr>
            <p:cNvSpPr/>
            <p:nvPr/>
          </p:nvSpPr>
          <p:spPr>
            <a:xfrm>
              <a:off x="462125" y="694002"/>
              <a:ext cx="10895125" cy="336765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b="1" dirty="0">
                  <a:solidFill>
                    <a:schemeClr val="tx1"/>
                  </a:solidFill>
                  <a:latin typeface="Aptos" panose="020B0004020202020204" pitchFamily="34" charset="0"/>
                </a:rPr>
                <a:t>Internet Connectivity</a:t>
              </a:r>
            </a:p>
          </p:txBody>
        </p:sp>
        <p:sp>
          <p:nvSpPr>
            <p:cNvPr id="67" name="Rectangle 66">
              <a:extLst>
                <a:ext uri="{FF2B5EF4-FFF2-40B4-BE49-F238E27FC236}">
                  <a16:creationId xmlns:a16="http://schemas.microsoft.com/office/drawing/2014/main" id="{7682C7CE-6DA4-00F4-E309-7CAED3A940CC}"/>
                </a:ext>
              </a:extLst>
            </p:cNvPr>
            <p:cNvSpPr/>
            <p:nvPr/>
          </p:nvSpPr>
          <p:spPr>
            <a:xfrm>
              <a:off x="93889" y="1272616"/>
              <a:ext cx="1476000" cy="792000"/>
            </a:xfrm>
            <a:prstGeom prst="rect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900" b="1" dirty="0">
                  <a:latin typeface="Aptos" panose="020B0004020202020204" pitchFamily="34" charset="0"/>
                </a:rPr>
                <a:t>Service Enablers</a:t>
              </a:r>
            </a:p>
          </p:txBody>
        </p:sp>
        <p:sp>
          <p:nvSpPr>
            <p:cNvPr id="68" name="Rectangle 67">
              <a:extLst>
                <a:ext uri="{FF2B5EF4-FFF2-40B4-BE49-F238E27FC236}">
                  <a16:creationId xmlns:a16="http://schemas.microsoft.com/office/drawing/2014/main" id="{9DA270F5-0AD1-BD58-9A1A-08A39AA63655}"/>
                </a:ext>
              </a:extLst>
            </p:cNvPr>
            <p:cNvSpPr/>
            <p:nvPr/>
          </p:nvSpPr>
          <p:spPr>
            <a:xfrm>
              <a:off x="93889" y="2253007"/>
              <a:ext cx="1476000" cy="79200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900" b="1" dirty="0">
                  <a:solidFill>
                    <a:schemeClr val="tx1"/>
                  </a:solidFill>
                  <a:latin typeface="Aptos" panose="020B0004020202020204" pitchFamily="34" charset="0"/>
                </a:rPr>
                <a:t>LENS Service Management</a:t>
              </a:r>
            </a:p>
          </p:txBody>
        </p:sp>
        <p:sp>
          <p:nvSpPr>
            <p:cNvPr id="69" name="Rectangle 68">
              <a:extLst>
                <a:ext uri="{FF2B5EF4-FFF2-40B4-BE49-F238E27FC236}">
                  <a16:creationId xmlns:a16="http://schemas.microsoft.com/office/drawing/2014/main" id="{8B10909B-A54C-E876-F2F3-4D98A69B97AE}"/>
                </a:ext>
              </a:extLst>
            </p:cNvPr>
            <p:cNvSpPr/>
            <p:nvPr/>
          </p:nvSpPr>
          <p:spPr>
            <a:xfrm>
              <a:off x="102372" y="5245107"/>
              <a:ext cx="1476000" cy="79200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900" b="1" dirty="0">
                  <a:solidFill>
                    <a:schemeClr val="tx1"/>
                  </a:solidFill>
                  <a:latin typeface="Aptos" panose="020B0004020202020204" pitchFamily="34" charset="0"/>
                </a:rPr>
                <a:t>Innovation Practice</a:t>
              </a:r>
            </a:p>
          </p:txBody>
        </p:sp>
        <p:sp>
          <p:nvSpPr>
            <p:cNvPr id="70" name="Rectangle 69">
              <a:extLst>
                <a:ext uri="{FF2B5EF4-FFF2-40B4-BE49-F238E27FC236}">
                  <a16:creationId xmlns:a16="http://schemas.microsoft.com/office/drawing/2014/main" id="{8FE6A899-9EE0-793E-7C87-6E7DA1F357D4}"/>
                </a:ext>
              </a:extLst>
            </p:cNvPr>
            <p:cNvSpPr/>
            <p:nvPr/>
          </p:nvSpPr>
          <p:spPr>
            <a:xfrm>
              <a:off x="102373" y="4290396"/>
              <a:ext cx="1476000" cy="79200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900" b="1" dirty="0">
                  <a:solidFill>
                    <a:schemeClr val="tx1"/>
                  </a:solidFill>
                  <a:latin typeface="Aptos" panose="020B0004020202020204" pitchFamily="34" charset="0"/>
                </a:rPr>
                <a:t>Capacity Planning</a:t>
              </a:r>
            </a:p>
          </p:txBody>
        </p:sp>
        <p:sp>
          <p:nvSpPr>
            <p:cNvPr id="71" name="Rectangle 70">
              <a:extLst>
                <a:ext uri="{FF2B5EF4-FFF2-40B4-BE49-F238E27FC236}">
                  <a16:creationId xmlns:a16="http://schemas.microsoft.com/office/drawing/2014/main" id="{1FE1F2DD-36D3-1796-565F-4BD2D792DEB2}"/>
                </a:ext>
              </a:extLst>
            </p:cNvPr>
            <p:cNvSpPr/>
            <p:nvPr/>
          </p:nvSpPr>
          <p:spPr>
            <a:xfrm>
              <a:off x="93889" y="3252445"/>
              <a:ext cx="1476000" cy="79200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900" b="1" dirty="0">
                  <a:solidFill>
                    <a:schemeClr val="tx1"/>
                  </a:solidFill>
                  <a:latin typeface="Aptos" panose="020B0004020202020204" pitchFamily="34" charset="0"/>
                </a:rPr>
                <a:t>Service Integration</a:t>
              </a:r>
            </a:p>
          </p:txBody>
        </p:sp>
        <p:sp>
          <p:nvSpPr>
            <p:cNvPr id="72" name="Arrow: Down 71">
              <a:extLst>
                <a:ext uri="{FF2B5EF4-FFF2-40B4-BE49-F238E27FC236}">
                  <a16:creationId xmlns:a16="http://schemas.microsoft.com/office/drawing/2014/main" id="{03B69363-E55C-46B3-A8B2-CCC801068200}"/>
                </a:ext>
              </a:extLst>
            </p:cNvPr>
            <p:cNvSpPr/>
            <p:nvPr/>
          </p:nvSpPr>
          <p:spPr>
            <a:xfrm>
              <a:off x="213806" y="732239"/>
              <a:ext cx="249074" cy="294442"/>
            </a:xfrm>
            <a:prstGeom prst="downArrow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1600" b="1">
                <a:latin typeface="Aptos" panose="020B0004020202020204" pitchFamily="34" charset="0"/>
              </a:endParaRPr>
            </a:p>
          </p:txBody>
        </p:sp>
        <p:sp>
          <p:nvSpPr>
            <p:cNvPr id="73" name="Arrow: Down 72">
              <a:extLst>
                <a:ext uri="{FF2B5EF4-FFF2-40B4-BE49-F238E27FC236}">
                  <a16:creationId xmlns:a16="http://schemas.microsoft.com/office/drawing/2014/main" id="{25AF6457-A1BF-5FC5-3E1C-64C2FC3E5D2F}"/>
                </a:ext>
              </a:extLst>
            </p:cNvPr>
            <p:cNvSpPr/>
            <p:nvPr/>
          </p:nvSpPr>
          <p:spPr>
            <a:xfrm>
              <a:off x="11357250" y="749164"/>
              <a:ext cx="249074" cy="294442"/>
            </a:xfrm>
            <a:prstGeom prst="downArrow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1600" b="1">
                <a:latin typeface="Aptos" panose="020B0004020202020204" pitchFamily="34" charset="0"/>
              </a:endParaRPr>
            </a:p>
          </p:txBody>
        </p:sp>
        <p:sp>
          <p:nvSpPr>
            <p:cNvPr id="74" name="Rectangle 73">
              <a:extLst>
                <a:ext uri="{FF2B5EF4-FFF2-40B4-BE49-F238E27FC236}">
                  <a16:creationId xmlns:a16="http://schemas.microsoft.com/office/drawing/2014/main" id="{63883772-21AE-716B-1D94-59AA86671418}"/>
                </a:ext>
              </a:extLst>
            </p:cNvPr>
            <p:cNvSpPr/>
            <p:nvPr/>
          </p:nvSpPr>
          <p:spPr>
            <a:xfrm>
              <a:off x="1767113" y="1090651"/>
              <a:ext cx="9962763" cy="1302805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1600" b="1" dirty="0">
                <a:latin typeface="Aptos" panose="020B0004020202020204" pitchFamily="34" charset="0"/>
              </a:endParaRPr>
            </a:p>
          </p:txBody>
        </p:sp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63A94959-4D5A-772C-4763-B15A17AA5E33}"/>
                </a:ext>
              </a:extLst>
            </p:cNvPr>
            <p:cNvSpPr/>
            <p:nvPr/>
          </p:nvSpPr>
          <p:spPr>
            <a:xfrm>
              <a:off x="1854200" y="1564554"/>
              <a:ext cx="9770533" cy="772596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tx2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1600" b="1">
                <a:latin typeface="Aptos" panose="020B0004020202020204" pitchFamily="34" charset="0"/>
              </a:endParaRPr>
            </a:p>
          </p:txBody>
        </p:sp>
        <p:sp>
          <p:nvSpPr>
            <p:cNvPr id="79" name="Rectangle 78">
              <a:extLst>
                <a:ext uri="{FF2B5EF4-FFF2-40B4-BE49-F238E27FC236}">
                  <a16:creationId xmlns:a16="http://schemas.microsoft.com/office/drawing/2014/main" id="{737E544F-5C8F-5E52-6049-3ED39F32AE08}"/>
                </a:ext>
              </a:extLst>
            </p:cNvPr>
            <p:cNvSpPr/>
            <p:nvPr/>
          </p:nvSpPr>
          <p:spPr>
            <a:xfrm>
              <a:off x="2078011" y="1714497"/>
              <a:ext cx="1196755" cy="395999"/>
            </a:xfrm>
            <a:prstGeom prst="rect">
              <a:avLst/>
            </a:prstGeom>
            <a:solidFill>
              <a:schemeClr val="accent3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800" b="1" dirty="0">
                  <a:solidFill>
                    <a:schemeClr val="tx1"/>
                  </a:solidFill>
                  <a:latin typeface="Aptos" panose="020B0004020202020204" pitchFamily="34" charset="0"/>
                </a:rPr>
                <a:t>OCC Monitoring</a:t>
              </a:r>
            </a:p>
          </p:txBody>
        </p:sp>
        <p:sp>
          <p:nvSpPr>
            <p:cNvPr id="80" name="Rectangle 79">
              <a:extLst>
                <a:ext uri="{FF2B5EF4-FFF2-40B4-BE49-F238E27FC236}">
                  <a16:creationId xmlns:a16="http://schemas.microsoft.com/office/drawing/2014/main" id="{0B80903D-FF80-5F0B-9EA4-35EEA92D5762}"/>
                </a:ext>
              </a:extLst>
            </p:cNvPr>
            <p:cNvSpPr/>
            <p:nvPr/>
          </p:nvSpPr>
          <p:spPr>
            <a:xfrm>
              <a:off x="10233930" y="1707457"/>
              <a:ext cx="1196755" cy="395999"/>
            </a:xfrm>
            <a:prstGeom prst="rect">
              <a:avLst/>
            </a:prstGeom>
            <a:solidFill>
              <a:schemeClr val="accent3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800" b="1" dirty="0">
                  <a:solidFill>
                    <a:schemeClr val="tx1"/>
                  </a:solidFill>
                  <a:latin typeface="Aptos" panose="020B0004020202020204" pitchFamily="34" charset="0"/>
                </a:rPr>
                <a:t>Rapid Response</a:t>
              </a:r>
            </a:p>
          </p:txBody>
        </p:sp>
        <p:sp>
          <p:nvSpPr>
            <p:cNvPr id="81" name="Rectangle 80">
              <a:extLst>
                <a:ext uri="{FF2B5EF4-FFF2-40B4-BE49-F238E27FC236}">
                  <a16:creationId xmlns:a16="http://schemas.microsoft.com/office/drawing/2014/main" id="{DE1A9D70-4BAC-5723-85D5-1B546B5B495B}"/>
                </a:ext>
              </a:extLst>
            </p:cNvPr>
            <p:cNvSpPr/>
            <p:nvPr/>
          </p:nvSpPr>
          <p:spPr>
            <a:xfrm>
              <a:off x="4232611" y="1996015"/>
              <a:ext cx="1656000" cy="288000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900" b="1" dirty="0">
                  <a:latin typeface="Aptos" panose="020B0004020202020204" pitchFamily="34" charset="0"/>
                </a:rPr>
                <a:t>Incidents</a:t>
              </a:r>
            </a:p>
          </p:txBody>
        </p:sp>
        <p:sp>
          <p:nvSpPr>
            <p:cNvPr id="82" name="Rectangle 81">
              <a:extLst>
                <a:ext uri="{FF2B5EF4-FFF2-40B4-BE49-F238E27FC236}">
                  <a16:creationId xmlns:a16="http://schemas.microsoft.com/office/drawing/2014/main" id="{8C99A360-ADFE-2838-C30A-98AF69590E00}"/>
                </a:ext>
              </a:extLst>
            </p:cNvPr>
            <p:cNvSpPr/>
            <p:nvPr/>
          </p:nvSpPr>
          <p:spPr>
            <a:xfrm>
              <a:off x="5953550" y="1992911"/>
              <a:ext cx="1656000" cy="288000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900" b="1" dirty="0">
                  <a:latin typeface="Aptos" panose="020B0004020202020204" pitchFamily="34" charset="0"/>
                </a:rPr>
                <a:t>Service Requests</a:t>
              </a:r>
            </a:p>
          </p:txBody>
        </p:sp>
        <p:sp>
          <p:nvSpPr>
            <p:cNvPr id="83" name="Rectangle 82">
              <a:extLst>
                <a:ext uri="{FF2B5EF4-FFF2-40B4-BE49-F238E27FC236}">
                  <a16:creationId xmlns:a16="http://schemas.microsoft.com/office/drawing/2014/main" id="{5A3475D9-2236-6840-C352-08263EC3A160}"/>
                </a:ext>
              </a:extLst>
            </p:cNvPr>
            <p:cNvSpPr/>
            <p:nvPr/>
          </p:nvSpPr>
          <p:spPr>
            <a:xfrm>
              <a:off x="7674490" y="1987601"/>
              <a:ext cx="1656000" cy="288000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900" b="1" dirty="0">
                  <a:latin typeface="Aptos" panose="020B0004020202020204" pitchFamily="34" charset="0"/>
                </a:rPr>
                <a:t>Enhancements</a:t>
              </a:r>
            </a:p>
          </p:txBody>
        </p:sp>
        <p:sp>
          <p:nvSpPr>
            <p:cNvPr id="84" name="Arrow: Down 83">
              <a:extLst>
                <a:ext uri="{FF2B5EF4-FFF2-40B4-BE49-F238E27FC236}">
                  <a16:creationId xmlns:a16="http://schemas.microsoft.com/office/drawing/2014/main" id="{F62EA20D-7D9F-1B63-4F6C-4EC802E569DE}"/>
                </a:ext>
              </a:extLst>
            </p:cNvPr>
            <p:cNvSpPr/>
            <p:nvPr/>
          </p:nvSpPr>
          <p:spPr>
            <a:xfrm>
              <a:off x="4244513" y="1633297"/>
              <a:ext cx="218232" cy="324000"/>
            </a:xfrm>
            <a:prstGeom prst="downArrow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1600" b="1">
                <a:latin typeface="Aptos" panose="020B0004020202020204" pitchFamily="34" charset="0"/>
              </a:endParaRPr>
            </a:p>
          </p:txBody>
        </p:sp>
        <p:sp>
          <p:nvSpPr>
            <p:cNvPr id="85" name="Arrow: Down 84">
              <a:extLst>
                <a:ext uri="{FF2B5EF4-FFF2-40B4-BE49-F238E27FC236}">
                  <a16:creationId xmlns:a16="http://schemas.microsoft.com/office/drawing/2014/main" id="{90DF8297-4ED2-D17C-4D8F-DD1DDAAE7F40}"/>
                </a:ext>
              </a:extLst>
            </p:cNvPr>
            <p:cNvSpPr/>
            <p:nvPr/>
          </p:nvSpPr>
          <p:spPr>
            <a:xfrm>
              <a:off x="9098638" y="1624857"/>
              <a:ext cx="218232" cy="324000"/>
            </a:xfrm>
            <a:prstGeom prst="downArrow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1600" b="1">
                <a:latin typeface="Aptos" panose="020B0004020202020204" pitchFamily="34" charset="0"/>
              </a:endParaRPr>
            </a:p>
          </p:txBody>
        </p:sp>
        <p:sp>
          <p:nvSpPr>
            <p:cNvPr id="86" name="Rectangle 85">
              <a:extLst>
                <a:ext uri="{FF2B5EF4-FFF2-40B4-BE49-F238E27FC236}">
                  <a16:creationId xmlns:a16="http://schemas.microsoft.com/office/drawing/2014/main" id="{26B49EBD-D21A-6E9D-CAA5-6C8526245943}"/>
                </a:ext>
              </a:extLst>
            </p:cNvPr>
            <p:cNvSpPr/>
            <p:nvPr/>
          </p:nvSpPr>
          <p:spPr>
            <a:xfrm>
              <a:off x="2209800" y="2547178"/>
              <a:ext cx="9086850" cy="396000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1200" b="1" dirty="0">
                  <a:latin typeface="Aptos" panose="020B0004020202020204" pitchFamily="34" charset="0"/>
                </a:rPr>
                <a:t>Shared Services Team</a:t>
              </a:r>
            </a:p>
          </p:txBody>
        </p:sp>
        <p:sp>
          <p:nvSpPr>
            <p:cNvPr id="87" name="Rectangle 86">
              <a:extLst>
                <a:ext uri="{FF2B5EF4-FFF2-40B4-BE49-F238E27FC236}">
                  <a16:creationId xmlns:a16="http://schemas.microsoft.com/office/drawing/2014/main" id="{4EF2911F-1252-4F06-0FC3-71C8B7EEDD87}"/>
                </a:ext>
              </a:extLst>
            </p:cNvPr>
            <p:cNvSpPr/>
            <p:nvPr/>
          </p:nvSpPr>
          <p:spPr>
            <a:xfrm>
              <a:off x="2180693" y="3096900"/>
              <a:ext cx="5976000" cy="396000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1000" b="1" dirty="0">
                  <a:latin typeface="Aptos" panose="020B0004020202020204" pitchFamily="34" charset="0"/>
                </a:rPr>
                <a:t>Core Team</a:t>
              </a:r>
            </a:p>
          </p:txBody>
        </p:sp>
        <p:sp>
          <p:nvSpPr>
            <p:cNvPr id="88" name="Rectangle 87">
              <a:extLst>
                <a:ext uri="{FF2B5EF4-FFF2-40B4-BE49-F238E27FC236}">
                  <a16:creationId xmlns:a16="http://schemas.microsoft.com/office/drawing/2014/main" id="{BA9B9312-7D47-CFBD-A53B-C1E1BE45ED9C}"/>
                </a:ext>
              </a:extLst>
            </p:cNvPr>
            <p:cNvSpPr/>
            <p:nvPr/>
          </p:nvSpPr>
          <p:spPr>
            <a:xfrm>
              <a:off x="2195948" y="3548376"/>
              <a:ext cx="5976000" cy="396000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1000" b="1" dirty="0">
                  <a:latin typeface="Aptos" panose="020B0004020202020204" pitchFamily="34" charset="0"/>
                </a:rPr>
                <a:t>FACTORY (Common across customer)</a:t>
              </a:r>
            </a:p>
          </p:txBody>
        </p:sp>
        <p:sp>
          <p:nvSpPr>
            <p:cNvPr id="89" name="Rectangle 88">
              <a:extLst>
                <a:ext uri="{FF2B5EF4-FFF2-40B4-BE49-F238E27FC236}">
                  <a16:creationId xmlns:a16="http://schemas.microsoft.com/office/drawing/2014/main" id="{ABAE07E3-FC90-A897-EA36-DC2AE033ECA0}"/>
                </a:ext>
              </a:extLst>
            </p:cNvPr>
            <p:cNvSpPr/>
            <p:nvPr/>
          </p:nvSpPr>
          <p:spPr>
            <a:xfrm>
              <a:off x="2195948" y="3992232"/>
              <a:ext cx="1152000" cy="396000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600" b="1" dirty="0">
                  <a:latin typeface="Aptos" panose="020B0004020202020204" pitchFamily="34" charset="0"/>
                </a:rPr>
                <a:t>Python</a:t>
              </a:r>
            </a:p>
          </p:txBody>
        </p:sp>
        <p:sp>
          <p:nvSpPr>
            <p:cNvPr id="90" name="Rectangle 89">
              <a:extLst>
                <a:ext uri="{FF2B5EF4-FFF2-40B4-BE49-F238E27FC236}">
                  <a16:creationId xmlns:a16="http://schemas.microsoft.com/office/drawing/2014/main" id="{F7D508BE-A20D-1CB3-710A-5F34602F331C}"/>
                </a:ext>
              </a:extLst>
            </p:cNvPr>
            <p:cNvSpPr/>
            <p:nvPr/>
          </p:nvSpPr>
          <p:spPr>
            <a:xfrm>
              <a:off x="3400099" y="3983417"/>
              <a:ext cx="1152000" cy="396000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600" b="1" dirty="0">
                  <a:latin typeface="Aptos" panose="020B0004020202020204" pitchFamily="34" charset="0"/>
                </a:rPr>
                <a:t>Java Script</a:t>
              </a:r>
            </a:p>
          </p:txBody>
        </p:sp>
        <p:sp>
          <p:nvSpPr>
            <p:cNvPr id="91" name="Rectangle 90">
              <a:extLst>
                <a:ext uri="{FF2B5EF4-FFF2-40B4-BE49-F238E27FC236}">
                  <a16:creationId xmlns:a16="http://schemas.microsoft.com/office/drawing/2014/main" id="{03A6E166-5CF9-9679-1EA0-9B9636347B2F}"/>
                </a:ext>
              </a:extLst>
            </p:cNvPr>
            <p:cNvSpPr/>
            <p:nvPr/>
          </p:nvSpPr>
          <p:spPr>
            <a:xfrm>
              <a:off x="4599944" y="3983417"/>
              <a:ext cx="1152000" cy="396000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600" b="1" dirty="0">
                  <a:latin typeface="Aptos" panose="020B0004020202020204" pitchFamily="34" charset="0"/>
                </a:rPr>
                <a:t>PHP / HTML</a:t>
              </a:r>
            </a:p>
          </p:txBody>
        </p:sp>
        <p:sp>
          <p:nvSpPr>
            <p:cNvPr id="92" name="Rectangle 91">
              <a:extLst>
                <a:ext uri="{FF2B5EF4-FFF2-40B4-BE49-F238E27FC236}">
                  <a16:creationId xmlns:a16="http://schemas.microsoft.com/office/drawing/2014/main" id="{3F8F118C-B00A-2907-8340-B878CF89E749}"/>
                </a:ext>
              </a:extLst>
            </p:cNvPr>
            <p:cNvSpPr/>
            <p:nvPr/>
          </p:nvSpPr>
          <p:spPr>
            <a:xfrm>
              <a:off x="5807081" y="3983417"/>
              <a:ext cx="1152000" cy="396000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600" b="1" dirty="0">
                  <a:latin typeface="Aptos" panose="020B0004020202020204" pitchFamily="34" charset="0"/>
                </a:rPr>
                <a:t>User provisioning</a:t>
              </a:r>
            </a:p>
          </p:txBody>
        </p:sp>
        <p:sp>
          <p:nvSpPr>
            <p:cNvPr id="93" name="Rectangle 92">
              <a:extLst>
                <a:ext uri="{FF2B5EF4-FFF2-40B4-BE49-F238E27FC236}">
                  <a16:creationId xmlns:a16="http://schemas.microsoft.com/office/drawing/2014/main" id="{63545960-CE71-477A-4459-BEFA9D9F5414}"/>
                </a:ext>
              </a:extLst>
            </p:cNvPr>
            <p:cNvSpPr/>
            <p:nvPr/>
          </p:nvSpPr>
          <p:spPr>
            <a:xfrm>
              <a:off x="7023743" y="3983416"/>
              <a:ext cx="1152000" cy="396000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600" b="1" dirty="0">
                  <a:latin typeface="Aptos" panose="020B0004020202020204" pitchFamily="34" charset="0"/>
                </a:rPr>
                <a:t>Security &amp; Authorization</a:t>
              </a:r>
            </a:p>
          </p:txBody>
        </p:sp>
        <p:sp>
          <p:nvSpPr>
            <p:cNvPr id="94" name="Rectangle: Rounded Corners 93">
              <a:extLst>
                <a:ext uri="{FF2B5EF4-FFF2-40B4-BE49-F238E27FC236}">
                  <a16:creationId xmlns:a16="http://schemas.microsoft.com/office/drawing/2014/main" id="{E7B49C40-CB72-CCA6-C46C-34331F4523CD}"/>
                </a:ext>
              </a:extLst>
            </p:cNvPr>
            <p:cNvSpPr/>
            <p:nvPr/>
          </p:nvSpPr>
          <p:spPr>
            <a:xfrm>
              <a:off x="2293701" y="4611164"/>
              <a:ext cx="864000" cy="389465"/>
            </a:xfrm>
            <a:prstGeom prst="roundRect">
              <a:avLst>
                <a:gd name="adj" fmla="val 8958"/>
              </a:avLst>
            </a:prstGeom>
            <a:no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500" b="1" dirty="0">
                  <a:solidFill>
                    <a:schemeClr val="tx1"/>
                  </a:solidFill>
                  <a:latin typeface="Aptos" panose="020B0004020202020204" pitchFamily="34" charset="0"/>
                </a:rPr>
                <a:t>Process Command Centre</a:t>
              </a:r>
            </a:p>
          </p:txBody>
        </p:sp>
        <p:sp>
          <p:nvSpPr>
            <p:cNvPr id="95" name="Rectangle: Rounded Corners 94">
              <a:extLst>
                <a:ext uri="{FF2B5EF4-FFF2-40B4-BE49-F238E27FC236}">
                  <a16:creationId xmlns:a16="http://schemas.microsoft.com/office/drawing/2014/main" id="{6593F02C-1BEC-14D8-5DDB-E1287CFD9BFE}"/>
                </a:ext>
              </a:extLst>
            </p:cNvPr>
            <p:cNvSpPr/>
            <p:nvPr/>
          </p:nvSpPr>
          <p:spPr>
            <a:xfrm>
              <a:off x="3279271" y="4611163"/>
              <a:ext cx="864000" cy="389465"/>
            </a:xfrm>
            <a:prstGeom prst="roundRect">
              <a:avLst>
                <a:gd name="adj" fmla="val 8958"/>
              </a:avLst>
            </a:prstGeom>
            <a:no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600" b="1" dirty="0">
                  <a:solidFill>
                    <a:schemeClr val="tx1"/>
                  </a:solidFill>
                  <a:latin typeface="Aptos" panose="020B0004020202020204" pitchFamily="34" charset="0"/>
                </a:rPr>
                <a:t>Finance</a:t>
              </a:r>
            </a:p>
          </p:txBody>
        </p:sp>
        <p:sp>
          <p:nvSpPr>
            <p:cNvPr id="96" name="Rectangle: Rounded Corners 95">
              <a:extLst>
                <a:ext uri="{FF2B5EF4-FFF2-40B4-BE49-F238E27FC236}">
                  <a16:creationId xmlns:a16="http://schemas.microsoft.com/office/drawing/2014/main" id="{26B00739-5827-A81D-CEBB-4A70D8A02149}"/>
                </a:ext>
              </a:extLst>
            </p:cNvPr>
            <p:cNvSpPr/>
            <p:nvPr/>
          </p:nvSpPr>
          <p:spPr>
            <a:xfrm>
              <a:off x="4249071" y="4610182"/>
              <a:ext cx="864000" cy="389465"/>
            </a:xfrm>
            <a:prstGeom prst="roundRect">
              <a:avLst>
                <a:gd name="adj" fmla="val 8958"/>
              </a:avLst>
            </a:prstGeom>
            <a:no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600" b="1" dirty="0">
                  <a:solidFill>
                    <a:schemeClr val="tx1"/>
                  </a:solidFill>
                  <a:latin typeface="Aptos" panose="020B0004020202020204" pitchFamily="34" charset="0"/>
                </a:rPr>
                <a:t>Sales</a:t>
              </a:r>
            </a:p>
          </p:txBody>
        </p:sp>
        <p:sp>
          <p:nvSpPr>
            <p:cNvPr id="97" name="Rectangle: Rounded Corners 96">
              <a:extLst>
                <a:ext uri="{FF2B5EF4-FFF2-40B4-BE49-F238E27FC236}">
                  <a16:creationId xmlns:a16="http://schemas.microsoft.com/office/drawing/2014/main" id="{A973661A-4C64-2EFE-A9AB-BAEFAA16777E}"/>
                </a:ext>
              </a:extLst>
            </p:cNvPr>
            <p:cNvSpPr/>
            <p:nvPr/>
          </p:nvSpPr>
          <p:spPr>
            <a:xfrm>
              <a:off x="5212544" y="4610182"/>
              <a:ext cx="864000" cy="389465"/>
            </a:xfrm>
            <a:prstGeom prst="roundRect">
              <a:avLst>
                <a:gd name="adj" fmla="val 8958"/>
              </a:avLst>
            </a:prstGeom>
            <a:no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600" b="1" dirty="0">
                  <a:solidFill>
                    <a:schemeClr val="tx1"/>
                  </a:solidFill>
                  <a:latin typeface="Aptos" panose="020B0004020202020204" pitchFamily="34" charset="0"/>
                </a:rPr>
                <a:t>Buying</a:t>
              </a:r>
            </a:p>
          </p:txBody>
        </p:sp>
        <p:sp>
          <p:nvSpPr>
            <p:cNvPr id="98" name="Rectangle: Rounded Corners 97">
              <a:extLst>
                <a:ext uri="{FF2B5EF4-FFF2-40B4-BE49-F238E27FC236}">
                  <a16:creationId xmlns:a16="http://schemas.microsoft.com/office/drawing/2014/main" id="{7B0DB60A-C223-9279-47EE-830CDB93BB3C}"/>
                </a:ext>
              </a:extLst>
            </p:cNvPr>
            <p:cNvSpPr/>
            <p:nvPr/>
          </p:nvSpPr>
          <p:spPr>
            <a:xfrm>
              <a:off x="7155314" y="4610322"/>
              <a:ext cx="864000" cy="389465"/>
            </a:xfrm>
            <a:prstGeom prst="roundRect">
              <a:avLst>
                <a:gd name="adj" fmla="val 8958"/>
              </a:avLst>
            </a:prstGeom>
            <a:no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600" b="1" dirty="0">
                  <a:solidFill>
                    <a:schemeClr val="tx1"/>
                  </a:solidFill>
                  <a:latin typeface="Aptos" panose="020B0004020202020204" pitchFamily="34" charset="0"/>
                </a:rPr>
                <a:t>Inventory</a:t>
              </a:r>
            </a:p>
          </p:txBody>
        </p:sp>
        <p:sp>
          <p:nvSpPr>
            <p:cNvPr id="99" name="Rectangle: Rounded Corners 98">
              <a:extLst>
                <a:ext uri="{FF2B5EF4-FFF2-40B4-BE49-F238E27FC236}">
                  <a16:creationId xmlns:a16="http://schemas.microsoft.com/office/drawing/2014/main" id="{6263D94F-0B1A-7040-02CB-A0DB2D750BAB}"/>
                </a:ext>
              </a:extLst>
            </p:cNvPr>
            <p:cNvSpPr/>
            <p:nvPr/>
          </p:nvSpPr>
          <p:spPr>
            <a:xfrm>
              <a:off x="6191470" y="4609960"/>
              <a:ext cx="864000" cy="389465"/>
            </a:xfrm>
            <a:prstGeom prst="roundRect">
              <a:avLst>
                <a:gd name="adj" fmla="val 8958"/>
              </a:avLst>
            </a:prstGeom>
            <a:no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600" b="1" dirty="0">
                  <a:solidFill>
                    <a:schemeClr val="tx1"/>
                  </a:solidFill>
                  <a:latin typeface="Aptos" panose="020B0004020202020204" pitchFamily="34" charset="0"/>
                </a:rPr>
                <a:t>Production</a:t>
              </a:r>
            </a:p>
          </p:txBody>
        </p:sp>
        <p:sp>
          <p:nvSpPr>
            <p:cNvPr id="100" name="Rectangle 99">
              <a:extLst>
                <a:ext uri="{FF2B5EF4-FFF2-40B4-BE49-F238E27FC236}">
                  <a16:creationId xmlns:a16="http://schemas.microsoft.com/office/drawing/2014/main" id="{14F67723-038C-F517-7540-025EDFB04E17}"/>
                </a:ext>
              </a:extLst>
            </p:cNvPr>
            <p:cNvSpPr/>
            <p:nvPr/>
          </p:nvSpPr>
          <p:spPr>
            <a:xfrm>
              <a:off x="2068871" y="5311887"/>
              <a:ext cx="6286338" cy="396000"/>
            </a:xfrm>
            <a:prstGeom prst="rect">
              <a:avLst/>
            </a:prstGeom>
            <a:noFill/>
            <a:ln>
              <a:solidFill>
                <a:schemeClr val="accent1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700" b="1" dirty="0">
                  <a:solidFill>
                    <a:schemeClr val="tx1"/>
                  </a:solidFill>
                  <a:latin typeface="Aptos" panose="020B0004020202020204" pitchFamily="34" charset="0"/>
                </a:rPr>
                <a:t>Temporary workaround  I  Break-fix(data)  I  Maintenance  I  Operations  I  Service requests  I Escalated Incidents  I  Break-fix  I  Problem management  I  Minor enhancements</a:t>
              </a:r>
            </a:p>
          </p:txBody>
        </p:sp>
        <p:sp>
          <p:nvSpPr>
            <p:cNvPr id="101" name="Rectangle 100">
              <a:extLst>
                <a:ext uri="{FF2B5EF4-FFF2-40B4-BE49-F238E27FC236}">
                  <a16:creationId xmlns:a16="http://schemas.microsoft.com/office/drawing/2014/main" id="{1DDC02E3-8973-0A4F-1AD4-B64DA6B1BCBF}"/>
                </a:ext>
              </a:extLst>
            </p:cNvPr>
            <p:cNvSpPr/>
            <p:nvPr/>
          </p:nvSpPr>
          <p:spPr>
            <a:xfrm>
              <a:off x="2068871" y="5899207"/>
              <a:ext cx="1548000" cy="396000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800" b="1" dirty="0">
                  <a:latin typeface="Aptos" panose="020B0004020202020204" pitchFamily="34" charset="0"/>
                </a:rPr>
                <a:t>Delivery Assurance</a:t>
              </a:r>
            </a:p>
          </p:txBody>
        </p:sp>
        <p:sp>
          <p:nvSpPr>
            <p:cNvPr id="102" name="Rectangle 101">
              <a:extLst>
                <a:ext uri="{FF2B5EF4-FFF2-40B4-BE49-F238E27FC236}">
                  <a16:creationId xmlns:a16="http://schemas.microsoft.com/office/drawing/2014/main" id="{D3D9F8D3-FAE1-F8BB-9E4D-091CF8C5EFDB}"/>
                </a:ext>
              </a:extLst>
            </p:cNvPr>
            <p:cNvSpPr/>
            <p:nvPr/>
          </p:nvSpPr>
          <p:spPr>
            <a:xfrm>
              <a:off x="4167021" y="5900576"/>
              <a:ext cx="1548000" cy="395999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800" b="1" dirty="0">
                  <a:latin typeface="Aptos" panose="020B0004020202020204" pitchFamily="34" charset="0"/>
                </a:rPr>
                <a:t>Governance and  Risk </a:t>
              </a:r>
            </a:p>
          </p:txBody>
        </p:sp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906A38F4-FC32-360D-4392-3B1B12131BD7}"/>
                </a:ext>
              </a:extLst>
            </p:cNvPr>
            <p:cNvSpPr/>
            <p:nvPr/>
          </p:nvSpPr>
          <p:spPr>
            <a:xfrm>
              <a:off x="6221474" y="5908735"/>
              <a:ext cx="1548000" cy="369863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800" b="1" dirty="0">
                  <a:latin typeface="Aptos" panose="020B0004020202020204" pitchFamily="34" charset="0"/>
                </a:rPr>
                <a:t>C SAT</a:t>
              </a:r>
            </a:p>
          </p:txBody>
        </p: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9A23F752-B79F-9A96-C508-A9702BE0E8D9}"/>
                </a:ext>
              </a:extLst>
            </p:cNvPr>
            <p:cNvSpPr/>
            <p:nvPr/>
          </p:nvSpPr>
          <p:spPr>
            <a:xfrm>
              <a:off x="8290998" y="5897849"/>
              <a:ext cx="1548000" cy="395999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800" b="1" dirty="0">
                  <a:latin typeface="Aptos" panose="020B0004020202020204" pitchFamily="34" charset="0"/>
                </a:rPr>
                <a:t>Delivery Enables</a:t>
              </a:r>
            </a:p>
          </p:txBody>
        </p:sp>
        <p:sp>
          <p:nvSpPr>
            <p:cNvPr id="106" name="Rectangle 105">
              <a:extLst>
                <a:ext uri="{FF2B5EF4-FFF2-40B4-BE49-F238E27FC236}">
                  <a16:creationId xmlns:a16="http://schemas.microsoft.com/office/drawing/2014/main" id="{57B7DCD7-6D5F-1291-CB5E-AE8CCE6A5015}"/>
                </a:ext>
              </a:extLst>
            </p:cNvPr>
            <p:cNvSpPr/>
            <p:nvPr/>
          </p:nvSpPr>
          <p:spPr>
            <a:xfrm>
              <a:off x="10308760" y="5908735"/>
              <a:ext cx="1421116" cy="395999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800" b="1" dirty="0">
                  <a:latin typeface="Aptos" panose="020B0004020202020204" pitchFamily="34" charset="0"/>
                </a:rPr>
                <a:t>Talent Transformation</a:t>
              </a:r>
            </a:p>
          </p:txBody>
        </p:sp>
        <p:sp>
          <p:nvSpPr>
            <p:cNvPr id="107" name="Rectangle 106">
              <a:extLst>
                <a:ext uri="{FF2B5EF4-FFF2-40B4-BE49-F238E27FC236}">
                  <a16:creationId xmlns:a16="http://schemas.microsoft.com/office/drawing/2014/main" id="{C4142242-824F-4CBE-CDE4-4956EA4C0D9D}"/>
                </a:ext>
              </a:extLst>
            </p:cNvPr>
            <p:cNvSpPr/>
            <p:nvPr/>
          </p:nvSpPr>
          <p:spPr>
            <a:xfrm>
              <a:off x="8953500" y="5216101"/>
              <a:ext cx="2671233" cy="396000"/>
            </a:xfrm>
            <a:prstGeom prst="rect">
              <a:avLst/>
            </a:prstGeom>
            <a:noFill/>
            <a:ln>
              <a:solidFill>
                <a:schemeClr val="accent1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900" b="1" dirty="0">
                  <a:solidFill>
                    <a:schemeClr val="tx1"/>
                  </a:solidFill>
                  <a:latin typeface="Aptos" panose="020B0004020202020204" pitchFamily="34" charset="0"/>
                </a:rPr>
                <a:t>Major Enhancement I Projects</a:t>
              </a:r>
            </a:p>
          </p:txBody>
        </p:sp>
        <p:sp>
          <p:nvSpPr>
            <p:cNvPr id="108" name="Rectangle 107">
              <a:extLst>
                <a:ext uri="{FF2B5EF4-FFF2-40B4-BE49-F238E27FC236}">
                  <a16:creationId xmlns:a16="http://schemas.microsoft.com/office/drawing/2014/main" id="{717AF37B-9343-AE68-CC27-172C0515751B}"/>
                </a:ext>
              </a:extLst>
            </p:cNvPr>
            <p:cNvSpPr/>
            <p:nvPr/>
          </p:nvSpPr>
          <p:spPr>
            <a:xfrm>
              <a:off x="10813701" y="3271378"/>
              <a:ext cx="811032" cy="1852724"/>
            </a:xfrm>
            <a:prstGeom prst="rect">
              <a:avLst/>
            </a:prstGeom>
            <a:noFill/>
            <a:ln>
              <a:solidFill>
                <a:schemeClr val="accent1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600" b="1" dirty="0">
                  <a:solidFill>
                    <a:schemeClr val="tx1"/>
                  </a:solidFill>
                  <a:latin typeface="Aptos" panose="020B0004020202020204" pitchFamily="34" charset="0"/>
                </a:rPr>
                <a:t>Reserved Capacity for customers</a:t>
              </a:r>
            </a:p>
          </p:txBody>
        </p:sp>
        <p:sp>
          <p:nvSpPr>
            <p:cNvPr id="109" name="Rectangle 108">
              <a:extLst>
                <a:ext uri="{FF2B5EF4-FFF2-40B4-BE49-F238E27FC236}">
                  <a16:creationId xmlns:a16="http://schemas.microsoft.com/office/drawing/2014/main" id="{83F9276E-47A1-384D-81E2-EF46D77E0E87}"/>
                </a:ext>
              </a:extLst>
            </p:cNvPr>
            <p:cNvSpPr/>
            <p:nvPr/>
          </p:nvSpPr>
          <p:spPr>
            <a:xfrm>
              <a:off x="8953499" y="3275850"/>
              <a:ext cx="1800000" cy="39600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800" b="1" dirty="0">
                  <a:latin typeface="Aptos" panose="020B0004020202020204" pitchFamily="34" charset="0"/>
                </a:rPr>
                <a:t>Flex Team(On demand)</a:t>
              </a:r>
            </a:p>
          </p:txBody>
        </p:sp>
        <p:sp>
          <p:nvSpPr>
            <p:cNvPr id="110" name="Rectangle 109">
              <a:extLst>
                <a:ext uri="{FF2B5EF4-FFF2-40B4-BE49-F238E27FC236}">
                  <a16:creationId xmlns:a16="http://schemas.microsoft.com/office/drawing/2014/main" id="{E3C0F5F9-CF98-4360-12EF-EF813C19F185}"/>
                </a:ext>
              </a:extLst>
            </p:cNvPr>
            <p:cNvSpPr/>
            <p:nvPr/>
          </p:nvSpPr>
          <p:spPr>
            <a:xfrm rot="16200000">
              <a:off x="8426559" y="4271308"/>
              <a:ext cx="1404000" cy="32400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800" b="1" dirty="0">
                  <a:latin typeface="Aptos" panose="020B0004020202020204" pitchFamily="34" charset="0"/>
                </a:rPr>
                <a:t>Developers</a:t>
              </a:r>
            </a:p>
          </p:txBody>
        </p:sp>
        <p:sp>
          <p:nvSpPr>
            <p:cNvPr id="111" name="Rectangle 110">
              <a:extLst>
                <a:ext uri="{FF2B5EF4-FFF2-40B4-BE49-F238E27FC236}">
                  <a16:creationId xmlns:a16="http://schemas.microsoft.com/office/drawing/2014/main" id="{0EE27AAF-9D78-CF37-0A84-0ED3A518A51E}"/>
                </a:ext>
              </a:extLst>
            </p:cNvPr>
            <p:cNvSpPr/>
            <p:nvPr/>
          </p:nvSpPr>
          <p:spPr>
            <a:xfrm rot="16200000">
              <a:off x="8793052" y="4271308"/>
              <a:ext cx="1404000" cy="32400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800" b="1" dirty="0">
                  <a:latin typeface="Aptos" panose="020B0004020202020204" pitchFamily="34" charset="0"/>
                </a:rPr>
                <a:t>Data Migration</a:t>
              </a:r>
            </a:p>
          </p:txBody>
        </p:sp>
        <p:sp>
          <p:nvSpPr>
            <p:cNvPr id="112" name="Rectangle 111">
              <a:extLst>
                <a:ext uri="{FF2B5EF4-FFF2-40B4-BE49-F238E27FC236}">
                  <a16:creationId xmlns:a16="http://schemas.microsoft.com/office/drawing/2014/main" id="{C18D6CC5-77AB-2A20-9172-A965F4577169}"/>
                </a:ext>
              </a:extLst>
            </p:cNvPr>
            <p:cNvSpPr/>
            <p:nvPr/>
          </p:nvSpPr>
          <p:spPr>
            <a:xfrm rot="16200000">
              <a:off x="9163003" y="4262925"/>
              <a:ext cx="1404000" cy="32400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800" b="1" dirty="0">
                  <a:latin typeface="Aptos" panose="020B0004020202020204" pitchFamily="34" charset="0"/>
                </a:rPr>
                <a:t>Integration</a:t>
              </a:r>
            </a:p>
          </p:txBody>
        </p:sp>
        <p:sp>
          <p:nvSpPr>
            <p:cNvPr id="113" name="Rectangle 112">
              <a:extLst>
                <a:ext uri="{FF2B5EF4-FFF2-40B4-BE49-F238E27FC236}">
                  <a16:creationId xmlns:a16="http://schemas.microsoft.com/office/drawing/2014/main" id="{F7054578-54BD-AA1C-E69F-94C16859B13D}"/>
                </a:ext>
              </a:extLst>
            </p:cNvPr>
            <p:cNvSpPr/>
            <p:nvPr/>
          </p:nvSpPr>
          <p:spPr>
            <a:xfrm rot="16200000">
              <a:off x="9520385" y="4270190"/>
              <a:ext cx="1404000" cy="32400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800" b="1" dirty="0">
                  <a:latin typeface="Aptos" panose="020B0004020202020204" pitchFamily="34" charset="0"/>
                </a:rPr>
                <a:t>Analytics</a:t>
              </a:r>
            </a:p>
          </p:txBody>
        </p:sp>
        <p:sp>
          <p:nvSpPr>
            <p:cNvPr id="114" name="Rectangle 113">
              <a:extLst>
                <a:ext uri="{FF2B5EF4-FFF2-40B4-BE49-F238E27FC236}">
                  <a16:creationId xmlns:a16="http://schemas.microsoft.com/office/drawing/2014/main" id="{244D5A9E-50FA-C9EA-DA6A-759B8F524A08}"/>
                </a:ext>
              </a:extLst>
            </p:cNvPr>
            <p:cNvSpPr/>
            <p:nvPr/>
          </p:nvSpPr>
          <p:spPr>
            <a:xfrm rot="16200000">
              <a:off x="9886739" y="4271308"/>
              <a:ext cx="1404000" cy="32400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800" b="1" dirty="0">
                  <a:latin typeface="Aptos" panose="020B0004020202020204" pitchFamily="34" charset="0"/>
                </a:rPr>
                <a:t>Other skills                (On requests)</a:t>
              </a:r>
            </a:p>
          </p:txBody>
        </p:sp>
        <p:sp>
          <p:nvSpPr>
            <p:cNvPr id="115" name="Rectangle 114">
              <a:extLst>
                <a:ext uri="{FF2B5EF4-FFF2-40B4-BE49-F238E27FC236}">
                  <a16:creationId xmlns:a16="http://schemas.microsoft.com/office/drawing/2014/main" id="{5A76B347-FB68-124C-71FE-0AED144B9745}"/>
                </a:ext>
              </a:extLst>
            </p:cNvPr>
            <p:cNvSpPr/>
            <p:nvPr/>
          </p:nvSpPr>
          <p:spPr>
            <a:xfrm>
              <a:off x="2068871" y="2998122"/>
              <a:ext cx="6273053" cy="1472080"/>
            </a:xfrm>
            <a:prstGeom prst="rect">
              <a:avLst/>
            </a:prstGeom>
            <a:noFill/>
            <a:ln>
              <a:solidFill>
                <a:schemeClr val="tx1"/>
              </a:solidFill>
              <a:prstDash val="lgDash"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1600" b="1">
                <a:latin typeface="Aptos" panose="020B0004020202020204" pitchFamily="34" charset="0"/>
              </a:endParaRPr>
            </a:p>
          </p:txBody>
        </p:sp>
        <p:sp>
          <p:nvSpPr>
            <p:cNvPr id="116" name="Rectangle 115">
              <a:extLst>
                <a:ext uri="{FF2B5EF4-FFF2-40B4-BE49-F238E27FC236}">
                  <a16:creationId xmlns:a16="http://schemas.microsoft.com/office/drawing/2014/main" id="{4661F5B8-D2F7-F93C-7E32-B0FA7722CB6C}"/>
                </a:ext>
              </a:extLst>
            </p:cNvPr>
            <p:cNvSpPr/>
            <p:nvPr/>
          </p:nvSpPr>
          <p:spPr>
            <a:xfrm>
              <a:off x="2082156" y="4553249"/>
              <a:ext cx="6273053" cy="565949"/>
            </a:xfrm>
            <a:prstGeom prst="rect">
              <a:avLst/>
            </a:prstGeom>
            <a:noFill/>
            <a:ln>
              <a:solidFill>
                <a:schemeClr val="tx1"/>
              </a:solidFill>
              <a:prstDash val="lgDash"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1600" b="1">
                <a:latin typeface="Aptos" panose="020B0004020202020204" pitchFamily="34" charset="0"/>
              </a:endParaRPr>
            </a:p>
          </p:txBody>
        </p:sp>
        <p:sp>
          <p:nvSpPr>
            <p:cNvPr id="117" name="Arrow: Left-Right 116">
              <a:extLst>
                <a:ext uri="{FF2B5EF4-FFF2-40B4-BE49-F238E27FC236}">
                  <a16:creationId xmlns:a16="http://schemas.microsoft.com/office/drawing/2014/main" id="{DDA43CD2-E1A9-E3DE-61DF-09B5E5DCA2A8}"/>
                </a:ext>
              </a:extLst>
            </p:cNvPr>
            <p:cNvSpPr/>
            <p:nvPr/>
          </p:nvSpPr>
          <p:spPr>
            <a:xfrm>
              <a:off x="8418171" y="4286635"/>
              <a:ext cx="488186" cy="298285"/>
            </a:xfrm>
            <a:prstGeom prst="leftRightArrow">
              <a:avLst/>
            </a:prstGeom>
            <a:solidFill>
              <a:schemeClr val="accent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1600" b="1">
                <a:latin typeface="Aptos" panose="020B0004020202020204" pitchFamily="34" charset="0"/>
              </a:endParaRPr>
            </a:p>
          </p:txBody>
        </p:sp>
        <p:sp>
          <p:nvSpPr>
            <p:cNvPr id="118" name="TextBox 117">
              <a:extLst>
                <a:ext uri="{FF2B5EF4-FFF2-40B4-BE49-F238E27FC236}">
                  <a16:creationId xmlns:a16="http://schemas.microsoft.com/office/drawing/2014/main" id="{EAEE8D23-5E08-2BF1-91F4-48406355AF6B}"/>
                </a:ext>
              </a:extLst>
            </p:cNvPr>
            <p:cNvSpPr txBox="1"/>
            <p:nvPr/>
          </p:nvSpPr>
          <p:spPr>
            <a:xfrm>
              <a:off x="4442540" y="1128818"/>
              <a:ext cx="3036345" cy="35647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IN" sz="900" b="1" dirty="0">
                  <a:solidFill>
                    <a:schemeClr val="bg1"/>
                  </a:solidFill>
                </a:rPr>
                <a:t>Smart </a:t>
              </a:r>
              <a:r>
                <a:rPr lang="en-IN" sz="800" b="1" dirty="0">
                  <a:solidFill>
                    <a:schemeClr val="bg1"/>
                  </a:solidFill>
                </a:rPr>
                <a:t>Operations</a:t>
              </a:r>
              <a:r>
                <a:rPr lang="en-IN" sz="900" b="1" dirty="0">
                  <a:solidFill>
                    <a:schemeClr val="bg1"/>
                  </a:solidFill>
                </a:rPr>
                <a:t> Layer L1.5</a:t>
              </a:r>
            </a:p>
          </p:txBody>
        </p:sp>
        <p:sp>
          <p:nvSpPr>
            <p:cNvPr id="119" name="TextBox 118">
              <a:extLst>
                <a:ext uri="{FF2B5EF4-FFF2-40B4-BE49-F238E27FC236}">
                  <a16:creationId xmlns:a16="http://schemas.microsoft.com/office/drawing/2014/main" id="{B697410F-3D9D-9F9A-DF22-603D57E22453}"/>
                </a:ext>
              </a:extLst>
            </p:cNvPr>
            <p:cNvSpPr txBox="1"/>
            <p:nvPr/>
          </p:nvSpPr>
          <p:spPr>
            <a:xfrm>
              <a:off x="5914225" y="1524833"/>
              <a:ext cx="1399461" cy="28518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IN" sz="600" b="1" dirty="0"/>
                <a:t>Service Operations</a:t>
              </a:r>
            </a:p>
          </p:txBody>
        </p:sp>
        <p:sp>
          <p:nvSpPr>
            <p:cNvPr id="120" name="TextBox 119">
              <a:extLst>
                <a:ext uri="{FF2B5EF4-FFF2-40B4-BE49-F238E27FC236}">
                  <a16:creationId xmlns:a16="http://schemas.microsoft.com/office/drawing/2014/main" id="{2042ABBF-3CE7-77DD-476A-8762426FE2C6}"/>
                </a:ext>
              </a:extLst>
            </p:cNvPr>
            <p:cNvSpPr txBox="1"/>
            <p:nvPr/>
          </p:nvSpPr>
          <p:spPr>
            <a:xfrm>
              <a:off x="4275232" y="1733097"/>
              <a:ext cx="4981339" cy="38024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IN" sz="500" dirty="0"/>
                <a:t>24x7 IRT Support  I  Incident &amp; Service triage &amp; route (Catch/Dispatch)  I  Health Checkups/Housekeeping jobs</a:t>
              </a:r>
            </a:p>
          </p:txBody>
        </p:sp>
        <p:sp>
          <p:nvSpPr>
            <p:cNvPr id="121" name="Rectangle 120">
              <a:extLst>
                <a:ext uri="{FF2B5EF4-FFF2-40B4-BE49-F238E27FC236}">
                  <a16:creationId xmlns:a16="http://schemas.microsoft.com/office/drawing/2014/main" id="{F4046183-A5DB-C0D7-1412-95EA838F25B8}"/>
                </a:ext>
              </a:extLst>
            </p:cNvPr>
            <p:cNvSpPr/>
            <p:nvPr/>
          </p:nvSpPr>
          <p:spPr>
            <a:xfrm rot="16200000">
              <a:off x="762053" y="4158900"/>
              <a:ext cx="2196000" cy="288000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1100" b="1" dirty="0">
                  <a:latin typeface="Aptos" panose="020B0004020202020204" pitchFamily="34" charset="0"/>
                </a:rPr>
                <a:t>L3, Projects</a:t>
              </a:r>
            </a:p>
          </p:txBody>
        </p:sp>
      </p:grpSp>
      <p:sp>
        <p:nvSpPr>
          <p:cNvPr id="4" name="TextBox 3">
            <a:extLst>
              <a:ext uri="{FF2B5EF4-FFF2-40B4-BE49-F238E27FC236}">
                <a16:creationId xmlns:a16="http://schemas.microsoft.com/office/drawing/2014/main" id="{8AA4513B-D74D-64AD-292C-1590ACA7579B}"/>
              </a:ext>
            </a:extLst>
          </p:cNvPr>
          <p:cNvSpPr txBox="1"/>
          <p:nvPr/>
        </p:nvSpPr>
        <p:spPr>
          <a:xfrm>
            <a:off x="5090975" y="168914"/>
            <a:ext cx="378736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400" b="1" dirty="0">
                <a:solidFill>
                  <a:schemeClr val="accent3"/>
                </a:solidFill>
                <a:latin typeface="+mj-lt"/>
              </a:rPr>
              <a:t>Day in a Life scenario</a:t>
            </a:r>
          </a:p>
        </p:txBody>
      </p:sp>
    </p:spTree>
    <p:extLst>
      <p:ext uri="{BB962C8B-B14F-4D97-AF65-F5344CB8AC3E}">
        <p14:creationId xmlns:p14="http://schemas.microsoft.com/office/powerpoint/2010/main" val="397913013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83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37" name="Google Shape;4837;p41"/>
          <p:cNvSpPr txBox="1">
            <a:spLocks noGrp="1"/>
          </p:cNvSpPr>
          <p:nvPr>
            <p:ph type="title" idx="4294967295"/>
          </p:nvPr>
        </p:nvSpPr>
        <p:spPr>
          <a:xfrm>
            <a:off x="457200" y="2026182"/>
            <a:ext cx="8229600" cy="775462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sz="3200" b="1" dirty="0">
                <a:solidFill>
                  <a:schemeClr val="accent2"/>
                </a:solidFill>
                <a:latin typeface="+mj-lt"/>
              </a:rPr>
              <a:t>OCC</a:t>
            </a:r>
            <a:r>
              <a:rPr lang="en" sz="3200" b="1" dirty="0">
                <a:solidFill>
                  <a:schemeClr val="accent3"/>
                </a:solidFill>
                <a:latin typeface="+mj-lt"/>
              </a:rPr>
              <a:t> Monitoring Demo</a:t>
            </a:r>
            <a:endParaRPr sz="3200" b="1" dirty="0">
              <a:solidFill>
                <a:schemeClr val="accent3"/>
              </a:solidFill>
              <a:latin typeface="+mj-lt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5EDBF87-1414-3B43-4D6C-16B4D725A20C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55B21A0-C56C-4BCB-A606-BA1B31E568E3}" type="slidenum">
              <a:rPr lang="en-IN" smtClean="0"/>
              <a:t>5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02703294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" name="OTLSHAPE_SL_bc7b8881d5ce4a79b7badb83a554ac41_BackgroundRectangle">
            <a:extLst>
              <a:ext uri="{FF2B5EF4-FFF2-40B4-BE49-F238E27FC236}">
                <a16:creationId xmlns:a16="http://schemas.microsoft.com/office/drawing/2014/main" id="{1337E550-970B-4031-91F8-91E3707AF06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335975" y="3369575"/>
            <a:ext cx="8467725" cy="110414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 dirty="0"/>
          </a:p>
        </p:txBody>
      </p:sp>
      <p:sp>
        <p:nvSpPr>
          <p:cNvPr id="75" name="OTLSHAPE_SL2A_eba7da77e03749b58e34fa3cb7280bc2_BackgroundRectangle">
            <a:extLst>
              <a:ext uri="{FF2B5EF4-FFF2-40B4-BE49-F238E27FC236}">
                <a16:creationId xmlns:a16="http://schemas.microsoft.com/office/drawing/2014/main" id="{87F5A77E-47A3-41A0-ACC6-B9C555C5DD6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036540" y="1755169"/>
            <a:ext cx="7762875" cy="1158488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 dirty="0"/>
          </a:p>
        </p:txBody>
      </p:sp>
      <p:sp>
        <p:nvSpPr>
          <p:cNvPr id="275" name="OTLSHAPE_TB_00000000000000000000000000000000_ScaleContainer">
            <a:extLst>
              <a:ext uri="{FF2B5EF4-FFF2-40B4-BE49-F238E27FC236}">
                <a16:creationId xmlns:a16="http://schemas.microsoft.com/office/drawing/2014/main" id="{E64F273F-7607-46DE-90DD-E5398273135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575323" y="1190296"/>
            <a:ext cx="5653096" cy="138350"/>
          </a:xfrm>
          <a:prstGeom prst="round2SameRect">
            <a:avLst/>
          </a:prstGeom>
          <a:solidFill>
            <a:srgbClr val="52657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 dirty="0"/>
          </a:p>
        </p:txBody>
      </p:sp>
      <p:sp>
        <p:nvSpPr>
          <p:cNvPr id="59" name="OTLSHAPE_SL_f1a631cc7fd44e36bd66ab703941dafa_HeaderRectangle">
            <a:extLst>
              <a:ext uri="{FF2B5EF4-FFF2-40B4-BE49-F238E27FC236}">
                <a16:creationId xmlns:a16="http://schemas.microsoft.com/office/drawing/2014/main" id="{BD5FD4F9-88C1-4008-991B-9EBF01BE6106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335976" y="1741027"/>
            <a:ext cx="1145458" cy="1189152"/>
          </a:xfrm>
          <a:prstGeom prst="rect">
            <a:avLst/>
          </a:prstGeom>
          <a:solidFill>
            <a:srgbClr val="20799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65" name="OTLSHAPE_SL_bc7b8881d5ce4a79b7badb83a554ac41_HeaderRectangle">
            <a:extLst>
              <a:ext uri="{FF2B5EF4-FFF2-40B4-BE49-F238E27FC236}">
                <a16:creationId xmlns:a16="http://schemas.microsoft.com/office/drawing/2014/main" id="{C5679369-AE6B-4537-ADAE-3D7CD838FC0A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335975" y="3369575"/>
            <a:ext cx="1143000" cy="1104142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276" name="OTLSHAPE_TB_00000000000000000000000000000000_MiddleScaleContainer">
            <a:extLst>
              <a:ext uri="{FF2B5EF4-FFF2-40B4-BE49-F238E27FC236}">
                <a16:creationId xmlns:a16="http://schemas.microsoft.com/office/drawing/2014/main" id="{42152A08-44A0-491E-8984-090833445505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572614" y="1335503"/>
            <a:ext cx="7229475" cy="137160"/>
          </a:xfrm>
          <a:prstGeom prst="rect">
            <a:avLst/>
          </a:prstGeom>
          <a:solidFill>
            <a:srgbClr val="2C374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 dirty="0"/>
          </a:p>
        </p:txBody>
      </p:sp>
      <p:cxnSp>
        <p:nvCxnSpPr>
          <p:cNvPr id="67" name="OTLSHAPE_G_00000000000000000000000000000000_ShapeBelow0">
            <a:extLst>
              <a:ext uri="{FF2B5EF4-FFF2-40B4-BE49-F238E27FC236}">
                <a16:creationId xmlns:a16="http://schemas.microsoft.com/office/drawing/2014/main" id="{F3B02895-0392-4390-B27B-3CFD82763450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326854" y="1479522"/>
            <a:ext cx="0" cy="2450389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G_00000000000000000000000000000000_ShapeBelow1">
            <a:extLst>
              <a:ext uri="{FF2B5EF4-FFF2-40B4-BE49-F238E27FC236}">
                <a16:creationId xmlns:a16="http://schemas.microsoft.com/office/drawing/2014/main" id="{9BC7FFE4-4C58-4F24-A6FE-4A059A00CFE5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172617" y="1479522"/>
            <a:ext cx="0" cy="2450389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G_00000000000000000000000000000000_ShapeBelow2">
            <a:extLst>
              <a:ext uri="{FF2B5EF4-FFF2-40B4-BE49-F238E27FC236}">
                <a16:creationId xmlns:a16="http://schemas.microsoft.com/office/drawing/2014/main" id="{989CCEE3-4E0F-4BEA-A56A-92F7B45B8137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972619" y="1479522"/>
            <a:ext cx="0" cy="2450389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G_00000000000000000000000000000000_ShapeBelow3">
            <a:extLst>
              <a:ext uri="{FF2B5EF4-FFF2-40B4-BE49-F238E27FC236}">
                <a16:creationId xmlns:a16="http://schemas.microsoft.com/office/drawing/2014/main" id="{0BECC1E7-4DCC-4742-9999-67DDCFC99862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781411" y="1479522"/>
            <a:ext cx="0" cy="2450389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G_00000000000000000000000000000000_ShapeBelow4">
            <a:extLst>
              <a:ext uri="{FF2B5EF4-FFF2-40B4-BE49-F238E27FC236}">
                <a16:creationId xmlns:a16="http://schemas.microsoft.com/office/drawing/2014/main" id="{6DA181A6-001E-48F1-8BF8-ED12A1E0256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590204" y="1479522"/>
            <a:ext cx="0" cy="2450389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G_00000000000000000000000000000000_ShapeBelow5">
            <a:extLst>
              <a:ext uri="{FF2B5EF4-FFF2-40B4-BE49-F238E27FC236}">
                <a16:creationId xmlns:a16="http://schemas.microsoft.com/office/drawing/2014/main" id="{A9C54FCA-040F-4458-947D-C173830412C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381415" y="1479522"/>
            <a:ext cx="0" cy="2450389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G_00000000000000000000000000000000_ShapeBelow6">
            <a:extLst>
              <a:ext uri="{FF2B5EF4-FFF2-40B4-BE49-F238E27FC236}">
                <a16:creationId xmlns:a16="http://schemas.microsoft.com/office/drawing/2014/main" id="{E95F2D48-6722-46F6-9208-C57F35ABCE2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181416" y="1479522"/>
            <a:ext cx="0" cy="2450389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G_00000000000000000000000000000000_ShapeBelow7">
            <a:extLst>
              <a:ext uri="{FF2B5EF4-FFF2-40B4-BE49-F238E27FC236}">
                <a16:creationId xmlns:a16="http://schemas.microsoft.com/office/drawing/2014/main" id="{81E1B819-1913-4FDE-B7D8-D535DEDC24B8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7990209" y="1479522"/>
            <a:ext cx="0" cy="2450389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" name="OTLSHAPE_SLT_5b14614bc45649efaadca1f538dacaae_Shape">
            <a:extLst>
              <a:ext uri="{FF2B5EF4-FFF2-40B4-BE49-F238E27FC236}">
                <a16:creationId xmlns:a16="http://schemas.microsoft.com/office/drawing/2014/main" id="{EF30041C-AD6D-4841-88E9-C5FD5641982D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573270" y="1786413"/>
            <a:ext cx="5725625" cy="156452"/>
          </a:xfrm>
          <a:prstGeom prst="roundRect">
            <a:avLst>
              <a:gd name="adj" fmla="val 100000"/>
            </a:avLst>
          </a:prstGeom>
          <a:solidFill>
            <a:srgbClr val="20799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 dirty="0"/>
          </a:p>
        </p:txBody>
      </p:sp>
      <p:sp>
        <p:nvSpPr>
          <p:cNvPr id="407" name="OTLSHAPE_SLT_0d439153d49c4e80a0c14b7a78388824_Shape">
            <a:extLst>
              <a:ext uri="{FF2B5EF4-FFF2-40B4-BE49-F238E27FC236}">
                <a16:creationId xmlns:a16="http://schemas.microsoft.com/office/drawing/2014/main" id="{FA32BFF8-1CE8-470B-A8BF-7DAAEE9860C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572614" y="1968045"/>
            <a:ext cx="590550" cy="140686"/>
          </a:xfrm>
          <a:prstGeom prst="homePlate">
            <a:avLst/>
          </a:prstGeom>
          <a:solidFill>
            <a:srgbClr val="20799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304" name="OTLSHAPE_SLT_6f9a01a157ce4881bb62baa76adb526e_Shape">
            <a:extLst>
              <a:ext uri="{FF2B5EF4-FFF2-40B4-BE49-F238E27FC236}">
                <a16:creationId xmlns:a16="http://schemas.microsoft.com/office/drawing/2014/main" id="{EA5BE16F-64B9-4B88-B4F0-C09D831CAFE8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7246896" y="3398879"/>
            <a:ext cx="1552616" cy="187253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60" name="OTLSHAPE_SL_f1a631cc7fd44e36bd66ab703941dafa_Header">
            <a:extLst>
              <a:ext uri="{FF2B5EF4-FFF2-40B4-BE49-F238E27FC236}">
                <a16:creationId xmlns:a16="http://schemas.microsoft.com/office/drawing/2014/main" id="{655CF800-1FB1-43CD-A846-59B79E8BB59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406213" y="2215177"/>
            <a:ext cx="1031971" cy="20967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dirty="0">
                <a:solidFill>
                  <a:schemeClr val="lt1"/>
                </a:solidFill>
                <a:latin typeface="Calibri" panose="020F0502020204030204" pitchFamily="34" charset="0"/>
              </a:rPr>
              <a:t>LENS ERP Release 14 </a:t>
            </a:r>
          </a:p>
        </p:txBody>
      </p:sp>
      <p:sp>
        <p:nvSpPr>
          <p:cNvPr id="66" name="OTLSHAPE_SL_bc7b8881d5ce4a79b7badb83a554ac41_Header">
            <a:extLst>
              <a:ext uri="{FF2B5EF4-FFF2-40B4-BE49-F238E27FC236}">
                <a16:creationId xmlns:a16="http://schemas.microsoft.com/office/drawing/2014/main" id="{28EC223F-986F-470D-B762-7370AA4AEF2C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35975" y="3773314"/>
            <a:ext cx="1143000" cy="1302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dirty="0">
                <a:solidFill>
                  <a:schemeClr val="lt1"/>
                </a:solidFill>
                <a:latin typeface="Calibri" panose="020F0502020204030204" pitchFamily="34" charset="0"/>
              </a:rPr>
              <a:t>LENS ERP Release 15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FB90E33-382C-4478-B90A-590C6AAD181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620240" y="1190296"/>
            <a:ext cx="235642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5" dirty="0">
                <a:solidFill>
                  <a:schemeClr val="lt1"/>
                </a:solidFill>
                <a:latin typeface="Calibri" panose="020F0502020204030204" pitchFamily="34" charset="0"/>
              </a:rPr>
              <a:t>Year - 2024</a:t>
            </a:r>
          </a:p>
        </p:txBody>
      </p:sp>
      <p:sp>
        <p:nvSpPr>
          <p:cNvPr id="91" name="OTLSHAPE_SLT_5b14614bc45649efaadca1f538dacaae_Title">
            <a:extLst>
              <a:ext uri="{FF2B5EF4-FFF2-40B4-BE49-F238E27FC236}">
                <a16:creationId xmlns:a16="http://schemas.microsoft.com/office/drawing/2014/main" id="{9FAE137B-D4C2-4E01-8EEC-F8F389361D28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3166841" y="1806087"/>
            <a:ext cx="2729272" cy="11626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b="1" spc="-3" dirty="0">
                <a:solidFill>
                  <a:schemeClr val="lt1"/>
                </a:solidFill>
                <a:latin typeface="Calibri" panose="020F0502020204030204" pitchFamily="34" charset="0"/>
              </a:rPr>
              <a:t>LENS ERP Release 14 Assessment &amp; Upgrade </a:t>
            </a:r>
          </a:p>
        </p:txBody>
      </p:sp>
      <p:sp>
        <p:nvSpPr>
          <p:cNvPr id="102" name="OTLSHAPE_SLT_0d439153d49c4e80a0c14b7a78388824_Title">
            <a:extLst>
              <a:ext uri="{FF2B5EF4-FFF2-40B4-BE49-F238E27FC236}">
                <a16:creationId xmlns:a16="http://schemas.microsoft.com/office/drawing/2014/main" id="{F021C7A7-2675-449D-A95A-CF7D949EBAB9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643991" y="1980253"/>
            <a:ext cx="448699" cy="11626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spc="-5" dirty="0">
                <a:solidFill>
                  <a:schemeClr val="lt1"/>
                </a:solidFill>
                <a:latin typeface="Calibri" panose="020F0502020204030204" pitchFamily="34" charset="0"/>
              </a:rPr>
              <a:t>v14.40.0</a:t>
            </a:r>
          </a:p>
        </p:txBody>
      </p:sp>
      <p:sp>
        <p:nvSpPr>
          <p:cNvPr id="278" name="OTLSHAPE_TB_00000000000000000000000000000000_MiddleTimescaleInterval1">
            <a:extLst>
              <a:ext uri="{FF2B5EF4-FFF2-40B4-BE49-F238E27FC236}">
                <a16:creationId xmlns:a16="http://schemas.microsoft.com/office/drawing/2014/main" id="{710F66F8-51D8-4BB8-95BF-D9FBDBC4153D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620240" y="1334313"/>
            <a:ext cx="131671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3" dirty="0">
                <a:solidFill>
                  <a:schemeClr val="lt1"/>
                </a:solidFill>
                <a:latin typeface="Calibri" panose="020F0502020204030204" pitchFamily="34" charset="0"/>
              </a:rPr>
              <a:t>M1</a:t>
            </a:r>
          </a:p>
        </p:txBody>
      </p:sp>
      <p:sp>
        <p:nvSpPr>
          <p:cNvPr id="280" name="OTLSHAPE_TB_00000000000000000000000000000000_MiddleTimescaleInterval3">
            <a:extLst>
              <a:ext uri="{FF2B5EF4-FFF2-40B4-BE49-F238E27FC236}">
                <a16:creationId xmlns:a16="http://schemas.microsoft.com/office/drawing/2014/main" id="{4B82AFAA-3143-4E54-ABD6-3604E3A5B4D0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2557818" y="1334313"/>
            <a:ext cx="131671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3" dirty="0">
                <a:solidFill>
                  <a:schemeClr val="lt1"/>
                </a:solidFill>
                <a:latin typeface="Calibri" panose="020F0502020204030204" pitchFamily="34" charset="0"/>
              </a:rPr>
              <a:t>M3</a:t>
            </a:r>
          </a:p>
        </p:txBody>
      </p:sp>
      <p:sp>
        <p:nvSpPr>
          <p:cNvPr id="282" name="OTLSHAPE_TB_00000000000000000000000000000000_MiddleTimescaleInterval5">
            <a:extLst>
              <a:ext uri="{FF2B5EF4-FFF2-40B4-BE49-F238E27FC236}">
                <a16:creationId xmlns:a16="http://schemas.microsoft.com/office/drawing/2014/main" id="{08BBAE12-66DF-4C91-A01D-9B36F5725C3A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582118" y="1334313"/>
            <a:ext cx="131671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3" dirty="0">
                <a:solidFill>
                  <a:schemeClr val="lt1"/>
                </a:solidFill>
                <a:latin typeface="Calibri" panose="020F0502020204030204" pitchFamily="34" charset="0"/>
              </a:rPr>
              <a:t>M5</a:t>
            </a:r>
          </a:p>
        </p:txBody>
      </p:sp>
      <p:sp>
        <p:nvSpPr>
          <p:cNvPr id="284" name="OTLSHAPE_TB_00000000000000000000000000000000_MiddleTimescaleInterval7">
            <a:extLst>
              <a:ext uri="{FF2B5EF4-FFF2-40B4-BE49-F238E27FC236}">
                <a16:creationId xmlns:a16="http://schemas.microsoft.com/office/drawing/2014/main" id="{2C4E2046-4622-4780-9A56-9A3F8A6E542F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613214" y="1334313"/>
            <a:ext cx="131671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3" dirty="0">
                <a:solidFill>
                  <a:schemeClr val="lt1"/>
                </a:solidFill>
                <a:latin typeface="Calibri" panose="020F0502020204030204" pitchFamily="34" charset="0"/>
              </a:rPr>
              <a:t>M7</a:t>
            </a:r>
          </a:p>
        </p:txBody>
      </p:sp>
      <p:sp>
        <p:nvSpPr>
          <p:cNvPr id="311" name="OTLSHAPE_SLT_6f9a01a157ce4881bb62baa76adb526e_Title">
            <a:extLst>
              <a:ext uri="{FF2B5EF4-FFF2-40B4-BE49-F238E27FC236}">
                <a16:creationId xmlns:a16="http://schemas.microsoft.com/office/drawing/2014/main" id="{595C8DC3-61A7-4F21-A1F8-8995D62557C9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314687" y="3427004"/>
            <a:ext cx="146636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b="1" spc="-3" dirty="0">
                <a:solidFill>
                  <a:schemeClr val="lt1"/>
                </a:solidFill>
                <a:latin typeface="Calibri" panose="020F0502020204030204" pitchFamily="34" charset="0"/>
              </a:rPr>
              <a:t>Release 15 Assessment &amp; Upgrade</a:t>
            </a:r>
          </a:p>
        </p:txBody>
      </p:sp>
      <p:sp>
        <p:nvSpPr>
          <p:cNvPr id="135" name="OTLSHAPE_TB_00000000000000000000000000000000_MiddleTimescaleInterval9">
            <a:extLst>
              <a:ext uri="{FF2B5EF4-FFF2-40B4-BE49-F238E27FC236}">
                <a16:creationId xmlns:a16="http://schemas.microsoft.com/office/drawing/2014/main" id="{A51E9C41-03A1-4BDB-9589-318686ABFD6D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653101" y="1334313"/>
            <a:ext cx="131671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3" dirty="0">
                <a:solidFill>
                  <a:schemeClr val="lt1"/>
                </a:solidFill>
                <a:latin typeface="Calibri" panose="020F0502020204030204" pitchFamily="34" charset="0"/>
              </a:rPr>
              <a:t>M9</a:t>
            </a:r>
          </a:p>
        </p:txBody>
      </p:sp>
      <p:cxnSp>
        <p:nvCxnSpPr>
          <p:cNvPr id="336" name="OTLSHAPE_TB_00000000000000000000000000000000_Separator2">
            <a:extLst>
              <a:ext uri="{FF2B5EF4-FFF2-40B4-BE49-F238E27FC236}">
                <a16:creationId xmlns:a16="http://schemas.microsoft.com/office/drawing/2014/main" id="{B7EBAF0A-A502-4549-99CE-B601D716361B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5590204" y="1191485"/>
            <a:ext cx="0" cy="1371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7" name="OTLSHAPE_TB_00000000000000000000000000000000_MiddleSeparator1">
            <a:extLst>
              <a:ext uri="{FF2B5EF4-FFF2-40B4-BE49-F238E27FC236}">
                <a16:creationId xmlns:a16="http://schemas.microsoft.com/office/drawing/2014/main" id="{7E105CE7-169F-4F2C-A50A-6483982D2A8D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2202162" y="1321101"/>
            <a:ext cx="0" cy="165965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8" name="OTLSHAPE_TB_00000000000000000000000000000000_MiddleSeparator2">
            <a:extLst>
              <a:ext uri="{FF2B5EF4-FFF2-40B4-BE49-F238E27FC236}">
                <a16:creationId xmlns:a16="http://schemas.microsoft.com/office/drawing/2014/main" id="{C79814F5-9921-4496-B1E0-2291FB2F7A39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3195997" y="1335503"/>
            <a:ext cx="0" cy="1371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" name="OTLSHAPE_TB_00000000000000000000000000000000_MiddleSeparator3">
            <a:extLst>
              <a:ext uri="{FF2B5EF4-FFF2-40B4-BE49-F238E27FC236}">
                <a16:creationId xmlns:a16="http://schemas.microsoft.com/office/drawing/2014/main" id="{01C30034-2B07-455F-9E62-497674011582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4128484" y="1335503"/>
            <a:ext cx="0" cy="1371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0" name="OTLSHAPE_TB_00000000000000000000000000000000_MiddleSeparator4">
            <a:extLst>
              <a:ext uri="{FF2B5EF4-FFF2-40B4-BE49-F238E27FC236}">
                <a16:creationId xmlns:a16="http://schemas.microsoft.com/office/drawing/2014/main" id="{A4C48575-13D3-48A7-B095-AFD66B4E258C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4781411" y="1335503"/>
            <a:ext cx="0" cy="1371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2" name="OTLSHAPE_TB_00000000000000000000000000000000_MiddleSeparator6">
            <a:extLst>
              <a:ext uri="{FF2B5EF4-FFF2-40B4-BE49-F238E27FC236}">
                <a16:creationId xmlns:a16="http://schemas.microsoft.com/office/drawing/2014/main" id="{497C3C76-7836-43D4-A4B5-4CBB89C04B26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6264516" y="1335503"/>
            <a:ext cx="0" cy="1371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B_00000000000000000000000000000000_MiddleSeparator7">
            <a:extLst>
              <a:ext uri="{FF2B5EF4-FFF2-40B4-BE49-F238E27FC236}">
                <a16:creationId xmlns:a16="http://schemas.microsoft.com/office/drawing/2014/main" id="{8860A4D7-DEFB-4F41-91E3-DE9EC4320C93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7220382" y="1335503"/>
            <a:ext cx="0" cy="1371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B_00000000000000000000000000000000_MiddleSeparator8">
            <a:extLst>
              <a:ext uri="{FF2B5EF4-FFF2-40B4-BE49-F238E27FC236}">
                <a16:creationId xmlns:a16="http://schemas.microsoft.com/office/drawing/2014/main" id="{F4891F3D-1D92-422C-9136-D763AF06528C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8068142" y="1335503"/>
            <a:ext cx="0" cy="1371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OTLSHAPE_SLA_9803d224b5f9447b9f1b33a716201aa3_Shape">
            <a:extLst>
              <a:ext uri="{FF2B5EF4-FFF2-40B4-BE49-F238E27FC236}">
                <a16:creationId xmlns:a16="http://schemas.microsoft.com/office/drawing/2014/main" id="{25F4AF5C-D57A-4BA2-AE5F-F6A5DA70D91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760832" y="3581574"/>
            <a:ext cx="171450" cy="190500"/>
          </a:xfrm>
          <a:prstGeom prst="teardrop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51" name="OTLSHAPE_M_92ad40e7dda74cef8b8d6614bec1032c_Shape">
            <a:extLst>
              <a:ext uri="{FF2B5EF4-FFF2-40B4-BE49-F238E27FC236}">
                <a16:creationId xmlns:a16="http://schemas.microsoft.com/office/drawing/2014/main" id="{E30075FF-E116-430D-813F-DF36F8217ED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 flipV="1">
            <a:off x="1682213" y="1659072"/>
            <a:ext cx="114300" cy="13335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39" name="OTLSHAPE_SLA_9803d224b5f9447b9f1b33a716201aa3_Title">
            <a:extLst>
              <a:ext uri="{FF2B5EF4-FFF2-40B4-BE49-F238E27FC236}">
                <a16:creationId xmlns:a16="http://schemas.microsoft.com/office/drawing/2014/main" id="{FAF641CE-E0DB-4A8C-A9FB-1F40082E69D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409248" y="3755256"/>
            <a:ext cx="828367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b="1" spc="-3" dirty="0">
                <a:solidFill>
                  <a:schemeClr val="dk1"/>
                </a:solidFill>
                <a:latin typeface="Calibri" panose="020F0502020204030204" pitchFamily="34" charset="0"/>
              </a:rPr>
              <a:t>New Release Version Checkpoint</a:t>
            </a:r>
          </a:p>
        </p:txBody>
      </p:sp>
      <p:sp>
        <p:nvSpPr>
          <p:cNvPr id="498" name="OTLSHAPE_M_1905a823b90b4a188d2d2cedc8537846_Title">
            <a:extLst>
              <a:ext uri="{FF2B5EF4-FFF2-40B4-BE49-F238E27FC236}">
                <a16:creationId xmlns:a16="http://schemas.microsoft.com/office/drawing/2014/main" id="{32EA6987-B0CB-49D4-A924-E8A5C97A362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646896" y="2156920"/>
            <a:ext cx="335282" cy="1312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b="1" spc="-3" dirty="0">
                <a:solidFill>
                  <a:schemeClr val="dk1"/>
                </a:solidFill>
                <a:latin typeface="Calibri" panose="020F0502020204030204" pitchFamily="34" charset="0"/>
              </a:rPr>
              <a:t>Patch upgrade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23D80247-DBDD-CEF5-6005-F0DE66E75927}"/>
              </a:ext>
            </a:extLst>
          </p:cNvPr>
          <p:cNvSpPr txBox="1"/>
          <p:nvPr/>
        </p:nvSpPr>
        <p:spPr>
          <a:xfrm>
            <a:off x="1418361" y="337282"/>
            <a:ext cx="6203867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700" b="1" dirty="0">
                <a:solidFill>
                  <a:schemeClr val="accent2"/>
                </a:solidFill>
                <a:latin typeface="+mj-lt"/>
              </a:rPr>
              <a:t>LENS ERP </a:t>
            </a:r>
            <a:r>
              <a:rPr lang="en-US" sz="2700" b="1" dirty="0">
                <a:solidFill>
                  <a:schemeClr val="accent3"/>
                </a:solidFill>
                <a:latin typeface="+mj-lt"/>
              </a:rPr>
              <a:t>Product Release Roadmap</a:t>
            </a:r>
          </a:p>
        </p:txBody>
      </p:sp>
      <p:sp>
        <p:nvSpPr>
          <p:cNvPr id="2" name="OTLSHAPE_TB_00000000000000000000000000000000_MiddleTimescaleInterval9">
            <a:extLst>
              <a:ext uri="{FF2B5EF4-FFF2-40B4-BE49-F238E27FC236}">
                <a16:creationId xmlns:a16="http://schemas.microsoft.com/office/drawing/2014/main" id="{6291EDE6-50D1-CF62-9779-8C062D079EC0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655825" y="1331714"/>
            <a:ext cx="131671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3" dirty="0">
                <a:solidFill>
                  <a:schemeClr val="lt1"/>
                </a:solidFill>
                <a:latin typeface="Calibri" panose="020F0502020204030204" pitchFamily="34" charset="0"/>
              </a:rPr>
              <a:t>M11</a:t>
            </a:r>
          </a:p>
        </p:txBody>
      </p:sp>
      <p:sp>
        <p:nvSpPr>
          <p:cNvPr id="7" name="OTLSHAPE_SLT_0d439153d49c4e80a0c14b7a78388824_Shape">
            <a:extLst>
              <a:ext uri="{FF2B5EF4-FFF2-40B4-BE49-F238E27FC236}">
                <a16:creationId xmlns:a16="http://schemas.microsoft.com/office/drawing/2014/main" id="{14B8C501-B31E-5E92-8FDC-EACE36BA46A7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2497411" y="2066758"/>
            <a:ext cx="590550" cy="140686"/>
          </a:xfrm>
          <a:prstGeom prst="homePlate">
            <a:avLst/>
          </a:prstGeom>
          <a:solidFill>
            <a:srgbClr val="20799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12" name="OTLSHAPE_SLT_0d439153d49c4e80a0c14b7a78388824_Title">
            <a:extLst>
              <a:ext uri="{FF2B5EF4-FFF2-40B4-BE49-F238E27FC236}">
                <a16:creationId xmlns:a16="http://schemas.microsoft.com/office/drawing/2014/main" id="{E3A1DCD5-B8A9-64CF-A0E9-81780F72A300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568788" y="2078967"/>
            <a:ext cx="448699" cy="11626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spc="-5" dirty="0">
                <a:solidFill>
                  <a:schemeClr val="lt1"/>
                </a:solidFill>
                <a:latin typeface="Calibri" panose="020F0502020204030204" pitchFamily="34" charset="0"/>
              </a:rPr>
              <a:t>v14.44.0</a:t>
            </a:r>
          </a:p>
        </p:txBody>
      </p:sp>
      <p:sp>
        <p:nvSpPr>
          <p:cNvPr id="13" name="OTLSHAPE_SLT_0d439153d49c4e80a0c14b7a78388824_Shape">
            <a:extLst>
              <a:ext uri="{FF2B5EF4-FFF2-40B4-BE49-F238E27FC236}">
                <a16:creationId xmlns:a16="http://schemas.microsoft.com/office/drawing/2014/main" id="{BD749106-4D3F-F441-58D5-8967CD8D66E9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570275" y="2165472"/>
            <a:ext cx="590550" cy="140686"/>
          </a:xfrm>
          <a:prstGeom prst="homePlate">
            <a:avLst/>
          </a:prstGeom>
          <a:solidFill>
            <a:srgbClr val="20799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14" name="OTLSHAPE_SLT_0d439153d49c4e80a0c14b7a78388824_Title">
            <a:extLst>
              <a:ext uri="{FF2B5EF4-FFF2-40B4-BE49-F238E27FC236}">
                <a16:creationId xmlns:a16="http://schemas.microsoft.com/office/drawing/2014/main" id="{EAB31381-CE21-537C-B08A-C01573AA692A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3641652" y="2177680"/>
            <a:ext cx="448699" cy="11626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spc="-5" dirty="0">
                <a:solidFill>
                  <a:schemeClr val="lt1"/>
                </a:solidFill>
                <a:latin typeface="Calibri" panose="020F0502020204030204" pitchFamily="34" charset="0"/>
              </a:rPr>
              <a:t>v14.46.0</a:t>
            </a:r>
          </a:p>
        </p:txBody>
      </p:sp>
      <p:sp>
        <p:nvSpPr>
          <p:cNvPr id="18" name="OTLSHAPE_SLT_0d439153d49c4e80a0c14b7a78388824_Shape">
            <a:extLst>
              <a:ext uri="{FF2B5EF4-FFF2-40B4-BE49-F238E27FC236}">
                <a16:creationId xmlns:a16="http://schemas.microsoft.com/office/drawing/2014/main" id="{F49A77BC-6A81-DE7E-DE68-389F6D93A130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4617167" y="2277173"/>
            <a:ext cx="590550" cy="140686"/>
          </a:xfrm>
          <a:prstGeom prst="homePlate">
            <a:avLst/>
          </a:prstGeom>
          <a:solidFill>
            <a:srgbClr val="20799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19" name="OTLSHAPE_SLT_0d439153d49c4e80a0c14b7a78388824_Title">
            <a:extLst>
              <a:ext uri="{FF2B5EF4-FFF2-40B4-BE49-F238E27FC236}">
                <a16:creationId xmlns:a16="http://schemas.microsoft.com/office/drawing/2014/main" id="{4D51E6B5-906B-2E83-C566-481EA32138A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688544" y="2289381"/>
            <a:ext cx="448699" cy="11626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spc="-5" dirty="0">
                <a:solidFill>
                  <a:schemeClr val="lt1"/>
                </a:solidFill>
                <a:latin typeface="Calibri" panose="020F0502020204030204" pitchFamily="34" charset="0"/>
              </a:rPr>
              <a:t>v14.47.0</a:t>
            </a:r>
          </a:p>
        </p:txBody>
      </p:sp>
      <p:sp>
        <p:nvSpPr>
          <p:cNvPr id="20" name="OTLSHAPE_SLT_0d439153d49c4e80a0c14b7a78388824_Shape">
            <a:extLst>
              <a:ext uri="{FF2B5EF4-FFF2-40B4-BE49-F238E27FC236}">
                <a16:creationId xmlns:a16="http://schemas.microsoft.com/office/drawing/2014/main" id="{0F6CDA13-8BB3-F331-DE7D-CEA323A0B726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5658857" y="2414853"/>
            <a:ext cx="590550" cy="140686"/>
          </a:xfrm>
          <a:prstGeom prst="homePlate">
            <a:avLst/>
          </a:prstGeom>
          <a:solidFill>
            <a:srgbClr val="20799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23" name="OTLSHAPE_SLT_0d439153d49c4e80a0c14b7a78388824_Title">
            <a:extLst>
              <a:ext uri="{FF2B5EF4-FFF2-40B4-BE49-F238E27FC236}">
                <a16:creationId xmlns:a16="http://schemas.microsoft.com/office/drawing/2014/main" id="{AD361745-A2BA-A249-3A63-F40FFB856103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730234" y="2427061"/>
            <a:ext cx="448699" cy="11626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spc="-5" dirty="0">
                <a:solidFill>
                  <a:schemeClr val="lt1"/>
                </a:solidFill>
                <a:latin typeface="Calibri" panose="020F0502020204030204" pitchFamily="34" charset="0"/>
              </a:rPr>
              <a:t>v14.51.0</a:t>
            </a:r>
          </a:p>
        </p:txBody>
      </p:sp>
      <p:sp>
        <p:nvSpPr>
          <p:cNvPr id="27" name="OTLSHAPE_SLT_0d439153d49c4e80a0c14b7a78388824_Shape">
            <a:extLst>
              <a:ext uri="{FF2B5EF4-FFF2-40B4-BE49-F238E27FC236}">
                <a16:creationId xmlns:a16="http://schemas.microsoft.com/office/drawing/2014/main" id="{638A5B1E-660A-DC52-3A8D-629E39F8F541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6708344" y="2521359"/>
            <a:ext cx="590550" cy="140686"/>
          </a:xfrm>
          <a:prstGeom prst="homePlate">
            <a:avLst/>
          </a:prstGeom>
          <a:solidFill>
            <a:srgbClr val="20799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29" name="OTLSHAPE_SLT_0d439153d49c4e80a0c14b7a78388824_Title">
            <a:extLst>
              <a:ext uri="{FF2B5EF4-FFF2-40B4-BE49-F238E27FC236}">
                <a16:creationId xmlns:a16="http://schemas.microsoft.com/office/drawing/2014/main" id="{2E82BD37-B543-59CC-D58E-B369BD53D8A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779721" y="2533568"/>
            <a:ext cx="448699" cy="11626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spc="-5" dirty="0">
                <a:solidFill>
                  <a:schemeClr val="lt1"/>
                </a:solidFill>
                <a:latin typeface="Calibri" panose="020F0502020204030204" pitchFamily="34" charset="0"/>
              </a:rPr>
              <a:t>v14.53.0</a:t>
            </a:r>
          </a:p>
        </p:txBody>
      </p:sp>
      <p:sp>
        <p:nvSpPr>
          <p:cNvPr id="4" name="OTLSHAPE_TB_00000000000000000000000000000000_MiddleTimescaleInterval1">
            <a:extLst>
              <a:ext uri="{FF2B5EF4-FFF2-40B4-BE49-F238E27FC236}">
                <a16:creationId xmlns:a16="http://schemas.microsoft.com/office/drawing/2014/main" id="{83533FA3-1754-E38F-E87A-3F971ACC722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7556052" y="1331714"/>
            <a:ext cx="131671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3" dirty="0">
                <a:solidFill>
                  <a:schemeClr val="lt1"/>
                </a:solidFill>
                <a:latin typeface="Calibri" panose="020F0502020204030204" pitchFamily="34" charset="0"/>
              </a:rPr>
              <a:t>M1</a:t>
            </a:r>
          </a:p>
        </p:txBody>
      </p:sp>
      <p:sp>
        <p:nvSpPr>
          <p:cNvPr id="6" name="OTLSHAPE_TB_00000000000000000000000000000000_MiddleTimescaleInterval3">
            <a:extLst>
              <a:ext uri="{FF2B5EF4-FFF2-40B4-BE49-F238E27FC236}">
                <a16:creationId xmlns:a16="http://schemas.microsoft.com/office/drawing/2014/main" id="{5BE9EA2A-81AD-3AB5-E87C-ABEAA8104E3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8431284" y="1331714"/>
            <a:ext cx="131671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3" dirty="0">
                <a:solidFill>
                  <a:schemeClr val="lt1"/>
                </a:solidFill>
                <a:latin typeface="Calibri" panose="020F0502020204030204" pitchFamily="34" charset="0"/>
              </a:rPr>
              <a:t>M3</a:t>
            </a:r>
          </a:p>
        </p:txBody>
      </p:sp>
      <p:sp>
        <p:nvSpPr>
          <p:cNvPr id="24" name="OTLSHAPE_SLT_096507731fa94a99a07d38e09d6086c8_Shape">
            <a:extLst>
              <a:ext uri="{FF2B5EF4-FFF2-40B4-BE49-F238E27FC236}">
                <a16:creationId xmlns:a16="http://schemas.microsoft.com/office/drawing/2014/main" id="{05430F76-8957-7071-2A86-188348422CFC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7468788" y="3651406"/>
            <a:ext cx="499139" cy="154754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26" name="OTLSHAPE_SLT_096507731fa94a99a07d38e09d6086c8_Title">
            <a:extLst>
              <a:ext uri="{FF2B5EF4-FFF2-40B4-BE49-F238E27FC236}">
                <a16:creationId xmlns:a16="http://schemas.microsoft.com/office/drawing/2014/main" id="{CD0C7F3C-18DE-0C91-83AB-C380CEB8F45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7561130" y="3671074"/>
            <a:ext cx="3143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b="1" spc="-3" dirty="0">
                <a:solidFill>
                  <a:schemeClr val="lt1"/>
                </a:solidFill>
                <a:latin typeface="Calibri" panose="020F0502020204030204" pitchFamily="34" charset="0"/>
              </a:rPr>
              <a:t>v15.1.0</a:t>
            </a:r>
          </a:p>
        </p:txBody>
      </p:sp>
      <p:sp>
        <p:nvSpPr>
          <p:cNvPr id="30" name="OTLSHAPE_SLT_096507731fa94a99a07d38e09d6086c8_Shape">
            <a:extLst>
              <a:ext uri="{FF2B5EF4-FFF2-40B4-BE49-F238E27FC236}">
                <a16:creationId xmlns:a16="http://schemas.microsoft.com/office/drawing/2014/main" id="{0BEC420D-14FB-16B5-81D4-386AFF4F8DA2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8284480" y="3937157"/>
            <a:ext cx="499139" cy="154754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32" name="OTLSHAPE_SLT_096507731fa94a99a07d38e09d6086c8_Title">
            <a:extLst>
              <a:ext uri="{FF2B5EF4-FFF2-40B4-BE49-F238E27FC236}">
                <a16:creationId xmlns:a16="http://schemas.microsoft.com/office/drawing/2014/main" id="{BCE7FFB7-1169-42BF-1970-8DAEB64F02BB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8376823" y="3956825"/>
            <a:ext cx="3143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b="1" spc="-3" dirty="0">
                <a:solidFill>
                  <a:schemeClr val="lt1"/>
                </a:solidFill>
                <a:latin typeface="Calibri" panose="020F0502020204030204" pitchFamily="34" charset="0"/>
              </a:rPr>
              <a:t>v15.5.0</a:t>
            </a:r>
          </a:p>
        </p:txBody>
      </p:sp>
      <p:sp>
        <p:nvSpPr>
          <p:cNvPr id="33" name="OTLSHAPE_M_92ad40e7dda74cef8b8d6614bec1032c_Title">
            <a:extLst>
              <a:ext uri="{FF2B5EF4-FFF2-40B4-BE49-F238E27FC236}">
                <a16:creationId xmlns:a16="http://schemas.microsoft.com/office/drawing/2014/main" id="{94DB617F-1DBA-D6EA-EED5-EE30F77D9A9F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565983" y="1526901"/>
            <a:ext cx="513398" cy="1443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b="1" spc="-3" dirty="0">
                <a:solidFill>
                  <a:schemeClr val="dk1"/>
                </a:solidFill>
                <a:latin typeface="Calibri" panose="020F0502020204030204" pitchFamily="34" charset="0"/>
              </a:rPr>
              <a:t>Assessment</a:t>
            </a:r>
          </a:p>
        </p:txBody>
      </p:sp>
      <p:sp>
        <p:nvSpPr>
          <p:cNvPr id="37" name="OTLSHAPE_TB_00000000000000000000000000000000_ScaleContainer">
            <a:extLst>
              <a:ext uri="{FF2B5EF4-FFF2-40B4-BE49-F238E27FC236}">
                <a16:creationId xmlns:a16="http://schemas.microsoft.com/office/drawing/2014/main" id="{CF26D694-78EA-CBAA-84D4-548AC2122BC0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236174" y="1180539"/>
            <a:ext cx="1562827" cy="144778"/>
          </a:xfrm>
          <a:prstGeom prst="round2SameRect">
            <a:avLst/>
          </a:prstGeom>
          <a:solidFill>
            <a:srgbClr val="52657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 dirty="0"/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79774B4D-58ED-4883-86E2-9012872DBD4D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274398" y="1182502"/>
            <a:ext cx="235642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5" dirty="0">
                <a:solidFill>
                  <a:schemeClr val="lt1"/>
                </a:solidFill>
                <a:latin typeface="Calibri" panose="020F0502020204030204" pitchFamily="34" charset="0"/>
              </a:rPr>
              <a:t>Year - 2025</a:t>
            </a:r>
          </a:p>
        </p:txBody>
      </p:sp>
      <p:cxnSp>
        <p:nvCxnSpPr>
          <p:cNvPr id="40" name="OTLSHAPE_TB_00000000000000000000000000000000_Separator2">
            <a:extLst>
              <a:ext uri="{FF2B5EF4-FFF2-40B4-BE49-F238E27FC236}">
                <a16:creationId xmlns:a16="http://schemas.microsoft.com/office/drawing/2014/main" id="{78DC8C9B-7AC8-5D9D-5974-A1A4F2B6071B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1737777" y="1788965"/>
            <a:ext cx="0" cy="1371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OTLSHAPE_M_92ad40e7dda74cef8b8d6614bec1032c_Shape">
            <a:extLst>
              <a:ext uri="{FF2B5EF4-FFF2-40B4-BE49-F238E27FC236}">
                <a16:creationId xmlns:a16="http://schemas.microsoft.com/office/drawing/2014/main" id="{DE21BF41-1E7E-E1F9-0739-1DFF88358D4F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 flipV="1">
            <a:off x="2560247" y="1679853"/>
            <a:ext cx="114300" cy="13335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45" name="OTLSHAPE_M_92ad40e7dda74cef8b8d6614bec1032c_Title">
            <a:extLst>
              <a:ext uri="{FF2B5EF4-FFF2-40B4-BE49-F238E27FC236}">
                <a16:creationId xmlns:a16="http://schemas.microsoft.com/office/drawing/2014/main" id="{F48A4CB0-55F5-8BBF-5E89-47AAFBD0512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444017" y="1547682"/>
            <a:ext cx="513398" cy="1443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b="1" spc="-3" dirty="0">
                <a:solidFill>
                  <a:schemeClr val="dk1"/>
                </a:solidFill>
                <a:latin typeface="Calibri" panose="020F0502020204030204" pitchFamily="34" charset="0"/>
              </a:rPr>
              <a:t>Assessment</a:t>
            </a:r>
          </a:p>
        </p:txBody>
      </p:sp>
      <p:cxnSp>
        <p:nvCxnSpPr>
          <p:cNvPr id="48" name="OTLSHAPE_TB_00000000000000000000000000000000_Separator2">
            <a:extLst>
              <a:ext uri="{FF2B5EF4-FFF2-40B4-BE49-F238E27FC236}">
                <a16:creationId xmlns:a16="http://schemas.microsoft.com/office/drawing/2014/main" id="{3CA7FBA4-C92C-5665-B1CE-E1E439FF159C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2615811" y="1794160"/>
            <a:ext cx="0" cy="1371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" name="OTLSHAPE_M_92ad40e7dda74cef8b8d6614bec1032c_Shape">
            <a:extLst>
              <a:ext uri="{FF2B5EF4-FFF2-40B4-BE49-F238E27FC236}">
                <a16:creationId xmlns:a16="http://schemas.microsoft.com/office/drawing/2014/main" id="{F41B2E21-E52D-F97E-A3D5-BFE7BEFC60F4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flipV="1">
            <a:off x="3687660" y="1677254"/>
            <a:ext cx="114300" cy="13335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55" name="OTLSHAPE_M_92ad40e7dda74cef8b8d6614bec1032c_Title">
            <a:extLst>
              <a:ext uri="{FF2B5EF4-FFF2-40B4-BE49-F238E27FC236}">
                <a16:creationId xmlns:a16="http://schemas.microsoft.com/office/drawing/2014/main" id="{86559F13-7CF7-4A0C-5E8D-F0F0105206E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571431" y="1545083"/>
            <a:ext cx="513398" cy="1443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b="1" spc="-3" dirty="0">
                <a:solidFill>
                  <a:schemeClr val="dk1"/>
                </a:solidFill>
                <a:latin typeface="Calibri" panose="020F0502020204030204" pitchFamily="34" charset="0"/>
              </a:rPr>
              <a:t>Assessment</a:t>
            </a:r>
          </a:p>
        </p:txBody>
      </p:sp>
      <p:cxnSp>
        <p:nvCxnSpPr>
          <p:cNvPr id="57" name="OTLSHAPE_TB_00000000000000000000000000000000_Separator2">
            <a:extLst>
              <a:ext uri="{FF2B5EF4-FFF2-40B4-BE49-F238E27FC236}">
                <a16:creationId xmlns:a16="http://schemas.microsoft.com/office/drawing/2014/main" id="{6D5B9FA9-51C1-73B4-0540-3159051A142C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3743225" y="1791561"/>
            <a:ext cx="0" cy="1371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M_92ad40e7dda74cef8b8d6614bec1032c_Shape">
            <a:extLst>
              <a:ext uri="{FF2B5EF4-FFF2-40B4-BE49-F238E27FC236}">
                <a16:creationId xmlns:a16="http://schemas.microsoft.com/office/drawing/2014/main" id="{ADD3A127-CBB3-A202-5976-0D636C462EAF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 flipV="1">
            <a:off x="4721556" y="1666862"/>
            <a:ext cx="114300" cy="13335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61" name="OTLSHAPE_M_92ad40e7dda74cef8b8d6614bec1032c_Title">
            <a:extLst>
              <a:ext uri="{FF2B5EF4-FFF2-40B4-BE49-F238E27FC236}">
                <a16:creationId xmlns:a16="http://schemas.microsoft.com/office/drawing/2014/main" id="{0BB11CDA-776D-EF26-0498-AEAC213EB5B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605327" y="1534691"/>
            <a:ext cx="513398" cy="1443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b="1" spc="-3" dirty="0">
                <a:solidFill>
                  <a:schemeClr val="dk1"/>
                </a:solidFill>
                <a:latin typeface="Calibri" panose="020F0502020204030204" pitchFamily="34" charset="0"/>
              </a:rPr>
              <a:t>Assessment</a:t>
            </a:r>
          </a:p>
        </p:txBody>
      </p:sp>
      <p:cxnSp>
        <p:nvCxnSpPr>
          <p:cNvPr id="449" name="OTLSHAPE_TB_00000000000000000000000000000000_Separator2">
            <a:extLst>
              <a:ext uri="{FF2B5EF4-FFF2-40B4-BE49-F238E27FC236}">
                <a16:creationId xmlns:a16="http://schemas.microsoft.com/office/drawing/2014/main" id="{B40481B0-5234-4CEE-611E-998DB9401583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>
            <a:off x="4777121" y="1781169"/>
            <a:ext cx="0" cy="1371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1" name="OTLSHAPE_M_92ad40e7dda74cef8b8d6614bec1032c_Shape">
            <a:extLst>
              <a:ext uri="{FF2B5EF4-FFF2-40B4-BE49-F238E27FC236}">
                <a16:creationId xmlns:a16="http://schemas.microsoft.com/office/drawing/2014/main" id="{0FB2A599-5DB5-6DAC-87C3-36C88E7E7C07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 flipV="1">
            <a:off x="5724284" y="1679850"/>
            <a:ext cx="114300" cy="13335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453" name="OTLSHAPE_M_92ad40e7dda74cef8b8d6614bec1032c_Title">
            <a:extLst>
              <a:ext uri="{FF2B5EF4-FFF2-40B4-BE49-F238E27FC236}">
                <a16:creationId xmlns:a16="http://schemas.microsoft.com/office/drawing/2014/main" id="{5D2C4315-DA59-2D26-7605-620509FADDC1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608054" y="1547679"/>
            <a:ext cx="513398" cy="1443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b="1" spc="-3" dirty="0">
                <a:solidFill>
                  <a:schemeClr val="dk1"/>
                </a:solidFill>
                <a:latin typeface="Calibri" panose="020F0502020204030204" pitchFamily="34" charset="0"/>
              </a:rPr>
              <a:t>Assessment</a:t>
            </a:r>
          </a:p>
        </p:txBody>
      </p:sp>
      <p:cxnSp>
        <p:nvCxnSpPr>
          <p:cNvPr id="455" name="OTLSHAPE_TB_00000000000000000000000000000000_Separator2">
            <a:extLst>
              <a:ext uri="{FF2B5EF4-FFF2-40B4-BE49-F238E27FC236}">
                <a16:creationId xmlns:a16="http://schemas.microsoft.com/office/drawing/2014/main" id="{9879EAAC-BA45-14BD-6C8B-DA30C593B8F0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5779848" y="1794157"/>
            <a:ext cx="0" cy="1371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7" name="OTLSHAPE_M_92ad40e7dda74cef8b8d6614bec1032c_Shape">
            <a:extLst>
              <a:ext uri="{FF2B5EF4-FFF2-40B4-BE49-F238E27FC236}">
                <a16:creationId xmlns:a16="http://schemas.microsoft.com/office/drawing/2014/main" id="{3A9261F7-E6B6-7404-33D6-DAA98BB11478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 flipV="1">
            <a:off x="6742594" y="1677251"/>
            <a:ext cx="114300" cy="13335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459" name="OTLSHAPE_M_92ad40e7dda74cef8b8d6614bec1032c_Title">
            <a:extLst>
              <a:ext uri="{FF2B5EF4-FFF2-40B4-BE49-F238E27FC236}">
                <a16:creationId xmlns:a16="http://schemas.microsoft.com/office/drawing/2014/main" id="{C0DAD589-996E-A54D-A948-19B1FB1D1F8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626365" y="1545080"/>
            <a:ext cx="513398" cy="1443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b="1" spc="-3" dirty="0">
                <a:solidFill>
                  <a:schemeClr val="dk1"/>
                </a:solidFill>
                <a:latin typeface="Calibri" panose="020F0502020204030204" pitchFamily="34" charset="0"/>
              </a:rPr>
              <a:t>Assessment</a:t>
            </a:r>
          </a:p>
        </p:txBody>
      </p:sp>
      <p:cxnSp>
        <p:nvCxnSpPr>
          <p:cNvPr id="461" name="OTLSHAPE_TB_00000000000000000000000000000000_Separator2">
            <a:extLst>
              <a:ext uri="{FF2B5EF4-FFF2-40B4-BE49-F238E27FC236}">
                <a16:creationId xmlns:a16="http://schemas.microsoft.com/office/drawing/2014/main" id="{B8C8296F-1DE4-56ED-2496-0699F15E2A02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6798158" y="1791558"/>
            <a:ext cx="0" cy="1371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3" name="OTLSHAPE_TB_00000000000000000000000000000000_MiddleSeparator3">
            <a:extLst>
              <a:ext uri="{FF2B5EF4-FFF2-40B4-BE49-F238E27FC236}">
                <a16:creationId xmlns:a16="http://schemas.microsoft.com/office/drawing/2014/main" id="{EB98539B-8FC8-8C44-6A27-D8010053D0B6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5255898" y="1325111"/>
            <a:ext cx="0" cy="1371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4" name="OTLSHAPE_M_92ad40e7dda74cef8b8d6614bec1032c_Shape">
            <a:extLst>
              <a:ext uri="{FF2B5EF4-FFF2-40B4-BE49-F238E27FC236}">
                <a16:creationId xmlns:a16="http://schemas.microsoft.com/office/drawing/2014/main" id="{FE903EE9-88DA-ECA1-9D4D-5F7CA9A8705E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 flipV="1">
            <a:off x="1944584" y="2108482"/>
            <a:ext cx="114300" cy="133350"/>
          </a:xfrm>
          <a:prstGeom prst="triangle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465" name="OTLSHAPE_M_1905a823b90b4a188d2d2cedc8537846_Title">
            <a:extLst>
              <a:ext uri="{FF2B5EF4-FFF2-40B4-BE49-F238E27FC236}">
                <a16:creationId xmlns:a16="http://schemas.microsoft.com/office/drawing/2014/main" id="{FEB41CA0-CBC4-A915-B8A1-325F961E7551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548309" y="2247841"/>
            <a:ext cx="335282" cy="1312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b="1" spc="-3" dirty="0">
                <a:solidFill>
                  <a:schemeClr val="dk1"/>
                </a:solidFill>
                <a:latin typeface="Calibri" panose="020F0502020204030204" pitchFamily="34" charset="0"/>
              </a:rPr>
              <a:t>Patch upgrade</a:t>
            </a:r>
          </a:p>
        </p:txBody>
      </p:sp>
      <p:sp>
        <p:nvSpPr>
          <p:cNvPr id="466" name="OTLSHAPE_M_92ad40e7dda74cef8b8d6614bec1032c_Shape">
            <a:extLst>
              <a:ext uri="{FF2B5EF4-FFF2-40B4-BE49-F238E27FC236}">
                <a16:creationId xmlns:a16="http://schemas.microsoft.com/office/drawing/2014/main" id="{4FF24E1D-765B-45F5-CF9E-7EFDF64AA599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 flipV="1">
            <a:off x="2845997" y="2199402"/>
            <a:ext cx="114300" cy="133350"/>
          </a:xfrm>
          <a:prstGeom prst="triangle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467" name="OTLSHAPE_M_1905a823b90b4a188d2d2cedc8537846_Title">
            <a:extLst>
              <a:ext uri="{FF2B5EF4-FFF2-40B4-BE49-F238E27FC236}">
                <a16:creationId xmlns:a16="http://schemas.microsoft.com/office/drawing/2014/main" id="{7058447F-15E4-9BCB-F760-1A40E7B587D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636757" y="2346554"/>
            <a:ext cx="335282" cy="1312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b="1" spc="-3" dirty="0">
                <a:solidFill>
                  <a:schemeClr val="dk1"/>
                </a:solidFill>
                <a:latin typeface="Calibri" panose="020F0502020204030204" pitchFamily="34" charset="0"/>
              </a:rPr>
              <a:t>Patch upgrade</a:t>
            </a:r>
          </a:p>
        </p:txBody>
      </p:sp>
      <p:sp>
        <p:nvSpPr>
          <p:cNvPr id="468" name="OTLSHAPE_M_92ad40e7dda74cef8b8d6614bec1032c_Shape">
            <a:extLst>
              <a:ext uri="{FF2B5EF4-FFF2-40B4-BE49-F238E27FC236}">
                <a16:creationId xmlns:a16="http://schemas.microsoft.com/office/drawing/2014/main" id="{4922A580-7032-B3BB-C3DC-BFA177B7B66A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 flipV="1">
            <a:off x="3934445" y="2298116"/>
            <a:ext cx="114300" cy="133350"/>
          </a:xfrm>
          <a:prstGeom prst="triangle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469" name="OTLSHAPE_M_1905a823b90b4a188d2d2cedc8537846_Title">
            <a:extLst>
              <a:ext uri="{FF2B5EF4-FFF2-40B4-BE49-F238E27FC236}">
                <a16:creationId xmlns:a16="http://schemas.microsoft.com/office/drawing/2014/main" id="{5796BC9E-9E75-D5EE-E553-EA2BAF380DD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649870" y="2455660"/>
            <a:ext cx="335282" cy="1312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b="1" spc="-3" dirty="0">
                <a:solidFill>
                  <a:schemeClr val="dk1"/>
                </a:solidFill>
                <a:latin typeface="Calibri" panose="020F0502020204030204" pitchFamily="34" charset="0"/>
              </a:rPr>
              <a:t>Patch upgrade</a:t>
            </a:r>
          </a:p>
        </p:txBody>
      </p:sp>
      <p:sp>
        <p:nvSpPr>
          <p:cNvPr id="470" name="OTLSHAPE_M_92ad40e7dda74cef8b8d6614bec1032c_Shape">
            <a:extLst>
              <a:ext uri="{FF2B5EF4-FFF2-40B4-BE49-F238E27FC236}">
                <a16:creationId xmlns:a16="http://schemas.microsoft.com/office/drawing/2014/main" id="{EED38453-C3BC-7141-8DC7-F4B9764D50E8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 flipV="1">
            <a:off x="4947558" y="2399428"/>
            <a:ext cx="114300" cy="133350"/>
          </a:xfrm>
          <a:prstGeom prst="triangle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471" name="OTLSHAPE_M_1905a823b90b4a188d2d2cedc8537846_Title">
            <a:extLst>
              <a:ext uri="{FF2B5EF4-FFF2-40B4-BE49-F238E27FC236}">
                <a16:creationId xmlns:a16="http://schemas.microsoft.com/office/drawing/2014/main" id="{03DC2AB6-C8E1-B29D-7938-7284A042C89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5761703" y="2593339"/>
            <a:ext cx="335282" cy="1312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b="1" spc="-3" dirty="0">
                <a:solidFill>
                  <a:schemeClr val="dk1"/>
                </a:solidFill>
                <a:latin typeface="Calibri" panose="020F0502020204030204" pitchFamily="34" charset="0"/>
              </a:rPr>
              <a:t>Patch upgrade</a:t>
            </a:r>
          </a:p>
        </p:txBody>
      </p:sp>
      <p:sp>
        <p:nvSpPr>
          <p:cNvPr id="472" name="OTLSHAPE_M_92ad40e7dda74cef8b8d6614bec1032c_Shape">
            <a:extLst>
              <a:ext uri="{FF2B5EF4-FFF2-40B4-BE49-F238E27FC236}">
                <a16:creationId xmlns:a16="http://schemas.microsoft.com/office/drawing/2014/main" id="{AFE7ACFB-8454-E456-8226-C7E72EDB2965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 flipV="1">
            <a:off x="6059391" y="2537108"/>
            <a:ext cx="114300" cy="133350"/>
          </a:xfrm>
          <a:prstGeom prst="triangle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473" name="OTLSHAPE_M_1905a823b90b4a188d2d2cedc8537846_Title">
            <a:extLst>
              <a:ext uri="{FF2B5EF4-FFF2-40B4-BE49-F238E27FC236}">
                <a16:creationId xmlns:a16="http://schemas.microsoft.com/office/drawing/2014/main" id="{B12E67C2-892F-9934-AB7C-712D3F8A7BD2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795599" y="2707639"/>
            <a:ext cx="335282" cy="1312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b="1" spc="-3" dirty="0">
                <a:solidFill>
                  <a:schemeClr val="dk1"/>
                </a:solidFill>
                <a:latin typeface="Calibri" panose="020F0502020204030204" pitchFamily="34" charset="0"/>
              </a:rPr>
              <a:t>Patch upgrade</a:t>
            </a:r>
          </a:p>
        </p:txBody>
      </p:sp>
      <p:sp>
        <p:nvSpPr>
          <p:cNvPr id="474" name="OTLSHAPE_M_92ad40e7dda74cef8b8d6614bec1032c_Shape">
            <a:extLst>
              <a:ext uri="{FF2B5EF4-FFF2-40B4-BE49-F238E27FC236}">
                <a16:creationId xmlns:a16="http://schemas.microsoft.com/office/drawing/2014/main" id="{D77C4B15-003A-C72A-F66E-373A134813B0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 flipV="1">
            <a:off x="7093287" y="2651408"/>
            <a:ext cx="114300" cy="133350"/>
          </a:xfrm>
          <a:prstGeom prst="triangle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475" name="OTLSHAPE_M_92ad40e7dda74cef8b8d6614bec1032c_Shape">
            <a:extLst>
              <a:ext uri="{FF2B5EF4-FFF2-40B4-BE49-F238E27FC236}">
                <a16:creationId xmlns:a16="http://schemas.microsoft.com/office/drawing/2014/main" id="{33E3B6E9-355F-A81A-AEEE-9C6B986B8D04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 flipV="1">
            <a:off x="7493328" y="3293045"/>
            <a:ext cx="114300" cy="13335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476" name="OTLSHAPE_M_92ad40e7dda74cef8b8d6614bec1032c_Title">
            <a:extLst>
              <a:ext uri="{FF2B5EF4-FFF2-40B4-BE49-F238E27FC236}">
                <a16:creationId xmlns:a16="http://schemas.microsoft.com/office/drawing/2014/main" id="{06233573-781D-788F-2476-B4299256B65C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377099" y="3160874"/>
            <a:ext cx="513398" cy="1443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b="1" spc="-3" dirty="0">
                <a:solidFill>
                  <a:schemeClr val="dk1"/>
                </a:solidFill>
                <a:latin typeface="Calibri" panose="020F0502020204030204" pitchFamily="34" charset="0"/>
              </a:rPr>
              <a:t>Assessment</a:t>
            </a:r>
          </a:p>
        </p:txBody>
      </p:sp>
      <p:sp>
        <p:nvSpPr>
          <p:cNvPr id="477" name="OTLSHAPE_M_92ad40e7dda74cef8b8d6614bec1032c_Shape">
            <a:extLst>
              <a:ext uri="{FF2B5EF4-FFF2-40B4-BE49-F238E27FC236}">
                <a16:creationId xmlns:a16="http://schemas.microsoft.com/office/drawing/2014/main" id="{E4FD7213-DC74-DCAC-9254-DDA478FEC35F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 flipV="1">
            <a:off x="8293434" y="3290446"/>
            <a:ext cx="114300" cy="13335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478" name="OTLSHAPE_M_92ad40e7dda74cef8b8d6614bec1032c_Title">
            <a:extLst>
              <a:ext uri="{FF2B5EF4-FFF2-40B4-BE49-F238E27FC236}">
                <a16:creationId xmlns:a16="http://schemas.microsoft.com/office/drawing/2014/main" id="{CC00BC28-3789-47EF-80AE-3AFEECFE08EB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177205" y="3158275"/>
            <a:ext cx="513398" cy="1443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b="1" spc="-3" dirty="0">
                <a:solidFill>
                  <a:schemeClr val="dk1"/>
                </a:solidFill>
                <a:latin typeface="Calibri" panose="020F0502020204030204" pitchFamily="34" charset="0"/>
              </a:rPr>
              <a:t>Assessment</a:t>
            </a:r>
          </a:p>
        </p:txBody>
      </p:sp>
      <p:sp>
        <p:nvSpPr>
          <p:cNvPr id="479" name="OTLSHAPE_M_1905a823b90b4a188d2d2cedc8537846_Title">
            <a:extLst>
              <a:ext uri="{FF2B5EF4-FFF2-40B4-BE49-F238E27FC236}">
                <a16:creationId xmlns:a16="http://schemas.microsoft.com/office/drawing/2014/main" id="{E18BCB54-6B2E-7B7D-8066-5084CBCA08A5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7453201" y="3850978"/>
            <a:ext cx="335282" cy="1312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b="1" spc="-3" dirty="0">
                <a:solidFill>
                  <a:schemeClr val="dk1"/>
                </a:solidFill>
                <a:latin typeface="Calibri" panose="020F0502020204030204" pitchFamily="34" charset="0"/>
              </a:rPr>
              <a:t>Version upgrade</a:t>
            </a:r>
          </a:p>
        </p:txBody>
      </p:sp>
      <p:sp>
        <p:nvSpPr>
          <p:cNvPr id="480" name="OTLSHAPE_M_92ad40e7dda74cef8b8d6614bec1032c_Shape">
            <a:extLst>
              <a:ext uri="{FF2B5EF4-FFF2-40B4-BE49-F238E27FC236}">
                <a16:creationId xmlns:a16="http://schemas.microsoft.com/office/drawing/2014/main" id="{D45F7B0B-A3D3-EA25-22BC-48D8624664AB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 flipV="1">
            <a:off x="7758683" y="3794746"/>
            <a:ext cx="114300" cy="133350"/>
          </a:xfrm>
          <a:prstGeom prst="triangle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481" name="OTLSHAPE_M_1905a823b90b4a188d2d2cedc8537846_Title">
            <a:extLst>
              <a:ext uri="{FF2B5EF4-FFF2-40B4-BE49-F238E27FC236}">
                <a16:creationId xmlns:a16="http://schemas.microsoft.com/office/drawing/2014/main" id="{6C3443FB-DBD1-E2A4-4DC7-2255B8A71058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300063" y="4128936"/>
            <a:ext cx="335282" cy="1312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50" b="1" spc="-3" dirty="0">
                <a:solidFill>
                  <a:schemeClr val="dk1"/>
                </a:solidFill>
                <a:latin typeface="Calibri" panose="020F0502020204030204" pitchFamily="34" charset="0"/>
              </a:rPr>
              <a:t>Patch upgrade</a:t>
            </a:r>
          </a:p>
        </p:txBody>
      </p:sp>
      <p:sp>
        <p:nvSpPr>
          <p:cNvPr id="482" name="OTLSHAPE_M_92ad40e7dda74cef8b8d6614bec1032c_Shape">
            <a:extLst>
              <a:ext uri="{FF2B5EF4-FFF2-40B4-BE49-F238E27FC236}">
                <a16:creationId xmlns:a16="http://schemas.microsoft.com/office/drawing/2014/main" id="{DB217477-0ABB-F066-78FF-46222F3BE326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 flipV="1">
            <a:off x="8605544" y="4072704"/>
            <a:ext cx="114300" cy="133350"/>
          </a:xfrm>
          <a:prstGeom prst="triangle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483" name="OTLSHAPE_SLT_096507731fa94a99a07d38e09d6086c8_Shape">
            <a:extLst>
              <a:ext uri="{FF2B5EF4-FFF2-40B4-BE49-F238E27FC236}">
                <a16:creationId xmlns:a16="http://schemas.microsoft.com/office/drawing/2014/main" id="{B95C26BC-68B6-56BF-01A9-31D9247BCE09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6585563" y="3415009"/>
            <a:ext cx="499139" cy="154754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484" name="OTLSHAPE_SLT_096507731fa94a99a07d38e09d6086c8_Title">
            <a:extLst>
              <a:ext uri="{FF2B5EF4-FFF2-40B4-BE49-F238E27FC236}">
                <a16:creationId xmlns:a16="http://schemas.microsoft.com/office/drawing/2014/main" id="{D3F5CB30-E45A-780E-F970-BBCE9189B9BA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662189" y="3434678"/>
            <a:ext cx="345758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b="1" spc="-3" dirty="0">
                <a:solidFill>
                  <a:schemeClr val="lt1"/>
                </a:solidFill>
                <a:latin typeface="Calibri" panose="020F0502020204030204" pitchFamily="34" charset="0"/>
              </a:rPr>
              <a:t>v15.0.0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3443303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2" name="Picture 151"/>
          <p:cNvPicPr/>
          <p:nvPr/>
        </p:nvPicPr>
        <p:blipFill>
          <a:blip r:embed="rId2"/>
          <a:stretch/>
        </p:blipFill>
        <p:spPr>
          <a:xfrm>
            <a:off x="1999112" y="1698153"/>
            <a:ext cx="4859280" cy="2965320"/>
          </a:xfrm>
          <a:prstGeom prst="rect">
            <a:avLst/>
          </a:prstGeom>
          <a:ln w="0">
            <a:noFill/>
          </a:ln>
        </p:spPr>
      </p:pic>
      <p:sp>
        <p:nvSpPr>
          <p:cNvPr id="153" name="Rectangle 152"/>
          <p:cNvSpPr/>
          <p:nvPr/>
        </p:nvSpPr>
        <p:spPr>
          <a:xfrm>
            <a:off x="2105608" y="1459833"/>
            <a:ext cx="5039280" cy="47664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90000" tIns="45000" rIns="90000" bIns="45000" anchor="t">
            <a:noAutofit/>
          </a:bodyPr>
          <a:lstStyle/>
          <a:p>
            <a:pPr algn="ctr">
              <a:lnSpc>
                <a:spcPct val="100000"/>
              </a:lnSpc>
              <a:spcBef>
                <a:spcPts val="8787"/>
              </a:spcBef>
              <a:spcAft>
                <a:spcPts val="8787"/>
              </a:spcAft>
              <a:buNone/>
            </a:pPr>
            <a:r>
              <a:rPr lang="en-IN" sz="1600" b="0" strike="noStrike" spc="-1" dirty="0">
                <a:solidFill>
                  <a:srgbClr val="000000"/>
                </a:solidFill>
                <a:latin typeface="+mj-lt"/>
                <a:ea typeface="DejaVu Sans"/>
              </a:rPr>
              <a:t>LMNAs Independent Journey in Process Mining</a:t>
            </a:r>
            <a:endParaRPr lang="en-IN" sz="1600" b="0" strike="noStrike" spc="-1" dirty="0">
              <a:latin typeface="+mj-lt"/>
            </a:endParaRPr>
          </a:p>
        </p:txBody>
      </p:sp>
      <p:sp>
        <p:nvSpPr>
          <p:cNvPr id="154" name="Rectangle 153"/>
          <p:cNvSpPr/>
          <p:nvPr/>
        </p:nvSpPr>
        <p:spPr>
          <a:xfrm>
            <a:off x="488633" y="760387"/>
            <a:ext cx="8273230" cy="6559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90000" tIns="45000" rIns="90000" bIns="45000" anchor="t">
            <a:no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en-IN" sz="2400" b="1" strike="noStrike" spc="-1" dirty="0">
                <a:solidFill>
                  <a:srgbClr val="3465A4"/>
                </a:solidFill>
                <a:latin typeface="+mj-lt"/>
                <a:ea typeface="DejaVu Sans"/>
              </a:rPr>
              <a:t>LENS Business Hyper Vision</a:t>
            </a:r>
            <a:r>
              <a:rPr lang="en-IN" sz="2400" b="1" spc="-1" dirty="0">
                <a:latin typeface="+mj-lt"/>
              </a:rPr>
              <a:t> </a:t>
            </a:r>
            <a:r>
              <a:rPr lang="en-IN" sz="2400" b="1" strike="noStrike" spc="-1" dirty="0">
                <a:solidFill>
                  <a:srgbClr val="3465A4"/>
                </a:solidFill>
                <a:latin typeface="+mj-lt"/>
                <a:ea typeface="DejaVu Sans"/>
              </a:rPr>
              <a:t>(LENS BHV)</a:t>
            </a:r>
            <a:endParaRPr lang="en-IN" sz="2400" b="1" strike="noStrike" spc="-1" dirty="0">
              <a:latin typeface="+mj-lt"/>
            </a:endParaRPr>
          </a:p>
        </p:txBody>
      </p:sp>
    </p:spTree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5" name="Rectangle 154"/>
          <p:cNvSpPr/>
          <p:nvPr/>
        </p:nvSpPr>
        <p:spPr>
          <a:xfrm>
            <a:off x="1692180" y="473760"/>
            <a:ext cx="5759640" cy="3441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90000" tIns="45000" rIns="90000" bIns="45000" anchor="t">
            <a:no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en-IN" sz="2800" b="1" strike="noStrike" spc="-1" dirty="0">
                <a:solidFill>
                  <a:srgbClr val="2A6099"/>
                </a:solidFill>
                <a:latin typeface="+mj-lt"/>
                <a:ea typeface="DejaVu Sans"/>
              </a:rPr>
              <a:t>Our Objectives</a:t>
            </a:r>
            <a:endParaRPr lang="en-IN" sz="2800" b="0" strike="noStrike" spc="-1" dirty="0">
              <a:latin typeface="+mj-lt"/>
            </a:endParaRP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500A8CB2-219F-CFD7-EE1E-6938EBD6C0F2}"/>
              </a:ext>
            </a:extLst>
          </p:cNvPr>
          <p:cNvGrpSpPr/>
          <p:nvPr/>
        </p:nvGrpSpPr>
        <p:grpSpPr>
          <a:xfrm>
            <a:off x="1170360" y="1442610"/>
            <a:ext cx="6803280" cy="2258280"/>
            <a:chOff x="684000" y="1332000"/>
            <a:chExt cx="6803280" cy="2258280"/>
          </a:xfrm>
        </p:grpSpPr>
        <p:sp>
          <p:nvSpPr>
            <p:cNvPr id="156" name="Rectangle 155"/>
            <p:cNvSpPr/>
            <p:nvPr/>
          </p:nvSpPr>
          <p:spPr>
            <a:xfrm>
              <a:off x="900000" y="1440000"/>
              <a:ext cx="2517840" cy="288000"/>
            </a:xfrm>
            <a:prstGeom prst="rect">
              <a:avLst/>
            </a:prstGeom>
            <a:noFill/>
            <a:ln w="0"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/>
            <a:lstStyle/>
            <a:p>
              <a:endParaRPr lang="en-IN"/>
            </a:p>
          </p:txBody>
        </p:sp>
        <p:sp>
          <p:nvSpPr>
            <p:cNvPr id="157" name="Rectangle 156"/>
            <p:cNvSpPr/>
            <p:nvPr/>
          </p:nvSpPr>
          <p:spPr>
            <a:xfrm>
              <a:off x="828000" y="1332000"/>
              <a:ext cx="6659280" cy="430920"/>
            </a:xfrm>
            <a:prstGeom prst="rect">
              <a:avLst/>
            </a:prstGeom>
            <a:noFill/>
            <a:ln w="0"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 lIns="90000" tIns="45000" rIns="90000" bIns="45000" anchor="t">
              <a:noAutofit/>
            </a:bodyPr>
            <a:lstStyle/>
            <a:p>
              <a:pPr>
                <a:lnSpc>
                  <a:spcPct val="100000"/>
                </a:lnSpc>
                <a:buNone/>
              </a:pPr>
              <a:r>
                <a:rPr lang="en-IN" sz="1200" b="0" strike="noStrike" spc="-1" dirty="0">
                  <a:solidFill>
                    <a:srgbClr val="000000"/>
                  </a:solidFill>
                  <a:latin typeface="+mj-lt"/>
                  <a:ea typeface="DejaVu Sans"/>
                </a:rPr>
                <a:t>Discover current processes and identify gaps in execution.</a:t>
              </a:r>
              <a:endParaRPr lang="en-IN" sz="1200" b="0" strike="noStrike" spc="-1" dirty="0">
                <a:latin typeface="+mj-lt"/>
              </a:endParaRPr>
            </a:p>
          </p:txBody>
        </p:sp>
        <p:sp>
          <p:nvSpPr>
            <p:cNvPr id="158" name="Rectangle 157"/>
            <p:cNvSpPr/>
            <p:nvPr/>
          </p:nvSpPr>
          <p:spPr>
            <a:xfrm>
              <a:off x="828000" y="1737000"/>
              <a:ext cx="6119280" cy="458280"/>
            </a:xfrm>
            <a:prstGeom prst="rect">
              <a:avLst/>
            </a:prstGeom>
            <a:noFill/>
            <a:ln w="0"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 lIns="90000" tIns="45000" rIns="90000" bIns="45000" anchor="t">
              <a:noAutofit/>
            </a:bodyPr>
            <a:lstStyle/>
            <a:p>
              <a:pPr>
                <a:lnSpc>
                  <a:spcPct val="100000"/>
                </a:lnSpc>
                <a:buNone/>
              </a:pPr>
              <a:r>
                <a:rPr lang="en-IN" sz="1200" b="0" strike="noStrike" spc="-1">
                  <a:solidFill>
                    <a:srgbClr val="000000"/>
                  </a:solidFill>
                  <a:latin typeface="Arial"/>
                  <a:ea typeface="DejaVu Sans"/>
                </a:rPr>
                <a:t>Accurately identify the </a:t>
              </a:r>
              <a:r>
                <a:rPr lang="en-IN" sz="1200" b="1" strike="noStrike" spc="-1">
                  <a:solidFill>
                    <a:srgbClr val="000000"/>
                  </a:solidFill>
                  <a:latin typeface="Arial"/>
                  <a:ea typeface="DejaVu Sans"/>
                </a:rPr>
                <a:t>root causes</a:t>
              </a:r>
              <a:r>
                <a:rPr lang="en-IN" sz="1200" b="0" strike="noStrike" spc="-1">
                  <a:solidFill>
                    <a:srgbClr val="000000"/>
                  </a:solidFill>
                  <a:latin typeface="Arial"/>
                  <a:ea typeface="DejaVu Sans"/>
                </a:rPr>
                <a:t> and factors triggering, process gaps &amp; deviations, order’s </a:t>
              </a:r>
              <a:r>
                <a:rPr lang="en-IN" sz="1200" b="1" strike="noStrike" spc="-1">
                  <a:solidFill>
                    <a:srgbClr val="000000"/>
                  </a:solidFill>
                  <a:latin typeface="Arial"/>
                  <a:ea typeface="DejaVu Sans"/>
                </a:rPr>
                <a:t>friction </a:t>
              </a:r>
              <a:r>
                <a:rPr lang="en-IN" sz="1200" b="0" strike="noStrike" spc="-1">
                  <a:solidFill>
                    <a:srgbClr val="000000"/>
                  </a:solidFill>
                  <a:latin typeface="Arial"/>
                  <a:ea typeface="DejaVu Sans"/>
                </a:rPr>
                <a:t>&amp; </a:t>
              </a:r>
              <a:r>
                <a:rPr lang="en-IN" sz="1200" b="1" strike="noStrike" spc="-1">
                  <a:solidFill>
                    <a:srgbClr val="000000"/>
                  </a:solidFill>
                  <a:latin typeface="Arial"/>
                  <a:ea typeface="DejaVu Sans"/>
                </a:rPr>
                <a:t>reworks</a:t>
              </a:r>
              <a:r>
                <a:rPr lang="en-IN" sz="1200" b="0" strike="noStrike" spc="-1">
                  <a:solidFill>
                    <a:srgbClr val="000000"/>
                  </a:solidFill>
                  <a:latin typeface="Arial"/>
                  <a:ea typeface="DejaVu Sans"/>
                </a:rPr>
                <a:t>.</a:t>
              </a:r>
              <a:endParaRPr lang="en-IN" sz="1200" b="0" strike="noStrike" spc="-1">
                <a:latin typeface="Arial"/>
              </a:endParaRPr>
            </a:p>
          </p:txBody>
        </p:sp>
        <p:sp>
          <p:nvSpPr>
            <p:cNvPr id="159" name="Rectangle 158"/>
            <p:cNvSpPr/>
            <p:nvPr/>
          </p:nvSpPr>
          <p:spPr>
            <a:xfrm>
              <a:off x="828000" y="3132000"/>
              <a:ext cx="6083280" cy="458280"/>
            </a:xfrm>
            <a:prstGeom prst="rect">
              <a:avLst/>
            </a:prstGeom>
            <a:noFill/>
            <a:ln w="0"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 lIns="90000" tIns="45000" rIns="90000" bIns="45000" anchor="t">
              <a:noAutofit/>
            </a:bodyPr>
            <a:lstStyle/>
            <a:p>
              <a:pPr>
                <a:lnSpc>
                  <a:spcPct val="100000"/>
                </a:lnSpc>
                <a:buNone/>
              </a:pPr>
              <a:r>
                <a:rPr lang="en-IN" sz="1200" b="0" strike="noStrike" spc="-1" dirty="0">
                  <a:solidFill>
                    <a:srgbClr val="000000"/>
                  </a:solidFill>
                  <a:latin typeface="+mj-lt"/>
                  <a:ea typeface="DejaVu Sans"/>
                </a:rPr>
                <a:t>Improve </a:t>
              </a:r>
              <a:r>
                <a:rPr lang="en-IN" sz="1200" b="0" strike="noStrike" spc="-1" dirty="0" err="1">
                  <a:solidFill>
                    <a:srgbClr val="000000"/>
                  </a:solidFill>
                  <a:latin typeface="+mj-lt"/>
                  <a:ea typeface="DejaVu Sans"/>
                </a:rPr>
                <a:t>visiblity</a:t>
              </a:r>
              <a:r>
                <a:rPr lang="en-IN" sz="1200" b="0" strike="noStrike" spc="-1" dirty="0">
                  <a:solidFill>
                    <a:srgbClr val="000000"/>
                  </a:solidFill>
                  <a:latin typeface="+mj-lt"/>
                  <a:ea typeface="DejaVu Sans"/>
                </a:rPr>
                <a:t> of the process: Performance, Bottlenecks &amp; KPIs, areas causing friction.</a:t>
              </a:r>
              <a:endParaRPr lang="en-IN" sz="1200" b="0" strike="noStrike" spc="-1" dirty="0">
                <a:latin typeface="+mj-lt"/>
              </a:endParaRPr>
            </a:p>
          </p:txBody>
        </p:sp>
        <p:sp>
          <p:nvSpPr>
            <p:cNvPr id="160" name="Oval 159"/>
            <p:cNvSpPr/>
            <p:nvPr/>
          </p:nvSpPr>
          <p:spPr>
            <a:xfrm>
              <a:off x="684000" y="1440000"/>
              <a:ext cx="71280" cy="71280"/>
            </a:xfrm>
            <a:prstGeom prst="ellipse">
              <a:avLst/>
            </a:prstGeom>
            <a:solidFill>
              <a:srgbClr val="00A933"/>
            </a:solidFill>
            <a:ln w="0">
              <a:solidFill>
                <a:srgbClr val="00A933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/>
            <a:lstStyle/>
            <a:p>
              <a:endParaRPr lang="en-IN"/>
            </a:p>
          </p:txBody>
        </p:sp>
        <p:sp>
          <p:nvSpPr>
            <p:cNvPr id="161" name="Oval 160"/>
            <p:cNvSpPr/>
            <p:nvPr/>
          </p:nvSpPr>
          <p:spPr>
            <a:xfrm>
              <a:off x="684360" y="2376360"/>
              <a:ext cx="71280" cy="71280"/>
            </a:xfrm>
            <a:prstGeom prst="ellipse">
              <a:avLst/>
            </a:prstGeom>
            <a:solidFill>
              <a:srgbClr val="00A933"/>
            </a:solidFill>
            <a:ln w="0">
              <a:solidFill>
                <a:srgbClr val="00A933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/>
            <a:lstStyle/>
            <a:p>
              <a:endParaRPr lang="en-IN"/>
            </a:p>
          </p:txBody>
        </p:sp>
        <p:sp>
          <p:nvSpPr>
            <p:cNvPr id="162" name="Oval 161"/>
            <p:cNvSpPr/>
            <p:nvPr/>
          </p:nvSpPr>
          <p:spPr>
            <a:xfrm>
              <a:off x="684360" y="3204360"/>
              <a:ext cx="71280" cy="71280"/>
            </a:xfrm>
            <a:prstGeom prst="ellipse">
              <a:avLst/>
            </a:prstGeom>
            <a:solidFill>
              <a:srgbClr val="00A933"/>
            </a:solidFill>
            <a:ln w="0">
              <a:solidFill>
                <a:srgbClr val="00A933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/>
            <a:lstStyle/>
            <a:p>
              <a:endParaRPr lang="en-IN"/>
            </a:p>
          </p:txBody>
        </p:sp>
        <p:sp>
          <p:nvSpPr>
            <p:cNvPr id="163" name="Straight Connector 162"/>
            <p:cNvSpPr/>
            <p:nvPr/>
          </p:nvSpPr>
          <p:spPr>
            <a:xfrm>
              <a:off x="720000" y="1512000"/>
              <a:ext cx="360" cy="864360"/>
            </a:xfrm>
            <a:prstGeom prst="line">
              <a:avLst/>
            </a:prstGeom>
            <a:ln w="0">
              <a:solidFill>
                <a:srgbClr val="00A933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/>
            <a:lstStyle/>
            <a:p>
              <a:endParaRPr lang="en-IN"/>
            </a:p>
          </p:txBody>
        </p:sp>
        <p:sp>
          <p:nvSpPr>
            <p:cNvPr id="164" name="Straight Connector 163"/>
            <p:cNvSpPr/>
            <p:nvPr/>
          </p:nvSpPr>
          <p:spPr>
            <a:xfrm>
              <a:off x="720000" y="2448360"/>
              <a:ext cx="0" cy="756000"/>
            </a:xfrm>
            <a:prstGeom prst="line">
              <a:avLst/>
            </a:prstGeom>
            <a:ln w="0">
              <a:solidFill>
                <a:srgbClr val="00A933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/>
            <a:lstStyle/>
            <a:p>
              <a:endParaRPr lang="en-IN"/>
            </a:p>
          </p:txBody>
        </p:sp>
        <p:sp>
          <p:nvSpPr>
            <p:cNvPr id="165" name="Rectangle 164"/>
            <p:cNvSpPr/>
            <p:nvPr/>
          </p:nvSpPr>
          <p:spPr>
            <a:xfrm>
              <a:off x="828000" y="2277000"/>
              <a:ext cx="6119280" cy="458280"/>
            </a:xfrm>
            <a:prstGeom prst="rect">
              <a:avLst/>
            </a:prstGeom>
            <a:noFill/>
            <a:ln w="0"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 lIns="90000" tIns="45000" rIns="90000" bIns="45000" anchor="t">
              <a:noAutofit/>
            </a:bodyPr>
            <a:lstStyle/>
            <a:p>
              <a:pPr>
                <a:lnSpc>
                  <a:spcPct val="100000"/>
                </a:lnSpc>
                <a:buNone/>
              </a:pPr>
              <a:r>
                <a:rPr lang="en-IN" sz="1200" b="0" strike="noStrike" spc="-1">
                  <a:solidFill>
                    <a:srgbClr val="000000"/>
                  </a:solidFill>
                  <a:latin typeface="+mj-lt"/>
                  <a:ea typeface="DejaVu Sans"/>
                </a:rPr>
                <a:t>Streamline process execution through process </a:t>
              </a:r>
              <a:r>
                <a:rPr lang="en-IN" sz="1200" b="1" strike="noStrike" spc="-1">
                  <a:solidFill>
                    <a:srgbClr val="000000"/>
                  </a:solidFill>
                  <a:latin typeface="+mj-lt"/>
                  <a:ea typeface="DejaVu Sans"/>
                </a:rPr>
                <a:t>Standardisation </a:t>
              </a:r>
              <a:r>
                <a:rPr lang="en-IN" sz="1200" b="0" strike="noStrike" spc="-1">
                  <a:solidFill>
                    <a:srgbClr val="000000"/>
                  </a:solidFill>
                  <a:latin typeface="+mj-lt"/>
                  <a:ea typeface="DejaVu Sans"/>
                </a:rPr>
                <a:t>and </a:t>
              </a:r>
              <a:r>
                <a:rPr lang="en-IN" sz="1200" b="1" strike="noStrike" spc="-1">
                  <a:solidFill>
                    <a:srgbClr val="000000"/>
                  </a:solidFill>
                  <a:latin typeface="+mj-lt"/>
                  <a:ea typeface="DejaVu Sans"/>
                </a:rPr>
                <a:t>Harmonization</a:t>
              </a:r>
              <a:r>
                <a:rPr lang="en-IN" sz="1200" b="0" strike="noStrike" spc="-1">
                  <a:solidFill>
                    <a:srgbClr val="000000"/>
                  </a:solidFill>
                  <a:latin typeface="+mj-lt"/>
                  <a:ea typeface="DejaVu Sans"/>
                </a:rPr>
                <a:t>.</a:t>
              </a:r>
              <a:endParaRPr lang="en-IN" sz="1200" b="0" strike="noStrike" spc="-1">
                <a:latin typeface="+mj-lt"/>
              </a:endParaRPr>
            </a:p>
          </p:txBody>
        </p:sp>
        <p:sp>
          <p:nvSpPr>
            <p:cNvPr id="167" name="Rectangle 166"/>
            <p:cNvSpPr/>
            <p:nvPr/>
          </p:nvSpPr>
          <p:spPr>
            <a:xfrm>
              <a:off x="828000" y="2601000"/>
              <a:ext cx="6119280" cy="458280"/>
            </a:xfrm>
            <a:prstGeom prst="rect">
              <a:avLst/>
            </a:prstGeom>
            <a:noFill/>
            <a:ln w="0"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 lIns="90000" tIns="45000" rIns="90000" bIns="45000" anchor="t">
              <a:noAutofit/>
            </a:bodyPr>
            <a:lstStyle/>
            <a:p>
              <a:pPr>
                <a:lnSpc>
                  <a:spcPct val="100000"/>
                </a:lnSpc>
                <a:buNone/>
              </a:pPr>
              <a:r>
                <a:rPr lang="en-IN" sz="1200" b="0" strike="noStrike" spc="-1" dirty="0">
                  <a:solidFill>
                    <a:srgbClr val="000000"/>
                  </a:solidFill>
                  <a:latin typeface="+mj-lt"/>
                  <a:ea typeface="DejaVu Sans"/>
                </a:rPr>
                <a:t>Document current processes at various levels along with the existing variations &amp; outliers (through process flow diagrams) .</a:t>
              </a:r>
              <a:endParaRPr lang="en-IN" sz="1200" b="0" strike="noStrike" spc="-1" dirty="0">
                <a:latin typeface="+mj-lt"/>
              </a:endParaRPr>
            </a:p>
          </p:txBody>
        </p:sp>
        <p:sp>
          <p:nvSpPr>
            <p:cNvPr id="168" name="Oval 167"/>
            <p:cNvSpPr/>
            <p:nvPr/>
          </p:nvSpPr>
          <p:spPr>
            <a:xfrm>
              <a:off x="684360" y="1836000"/>
              <a:ext cx="71280" cy="71280"/>
            </a:xfrm>
            <a:prstGeom prst="ellipse">
              <a:avLst/>
            </a:prstGeom>
            <a:solidFill>
              <a:srgbClr val="00A933"/>
            </a:solidFill>
            <a:ln w="0">
              <a:solidFill>
                <a:srgbClr val="00A933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/>
            <a:lstStyle/>
            <a:p>
              <a:endParaRPr lang="en-IN"/>
            </a:p>
          </p:txBody>
        </p:sp>
        <p:sp>
          <p:nvSpPr>
            <p:cNvPr id="169" name="Oval 168"/>
            <p:cNvSpPr/>
            <p:nvPr/>
          </p:nvSpPr>
          <p:spPr>
            <a:xfrm>
              <a:off x="684360" y="2700000"/>
              <a:ext cx="71280" cy="71280"/>
            </a:xfrm>
            <a:prstGeom prst="ellipse">
              <a:avLst/>
            </a:prstGeom>
            <a:solidFill>
              <a:srgbClr val="00A933"/>
            </a:solidFill>
            <a:ln w="0">
              <a:solidFill>
                <a:srgbClr val="00A933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/>
            <a:lstStyle/>
            <a:p>
              <a:endParaRPr lang="en-IN"/>
            </a:p>
          </p:txBody>
        </p:sp>
      </p:grpSp>
    </p:spTree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0" name="Rectangle 169"/>
          <p:cNvSpPr/>
          <p:nvPr/>
        </p:nvSpPr>
        <p:spPr>
          <a:xfrm>
            <a:off x="1591719" y="555480"/>
            <a:ext cx="5759640" cy="34416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90000" tIns="45000" rIns="90000" bIns="45000" anchor="t">
            <a:no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en-IN" sz="2800" b="1" strike="noStrike" spc="-1" dirty="0">
                <a:solidFill>
                  <a:srgbClr val="2A6099"/>
                </a:solidFill>
                <a:latin typeface="+mj-lt"/>
                <a:ea typeface="DejaVu Sans"/>
              </a:rPr>
              <a:t>Benefits</a:t>
            </a:r>
            <a:endParaRPr lang="en-IN" sz="1800" b="1" strike="noStrike" spc="-1" dirty="0">
              <a:latin typeface="+mj-lt"/>
            </a:endParaRPr>
          </a:p>
        </p:txBody>
      </p:sp>
      <p:sp>
        <p:nvSpPr>
          <p:cNvPr id="171" name="Rectangle 170"/>
          <p:cNvSpPr/>
          <p:nvPr/>
        </p:nvSpPr>
        <p:spPr>
          <a:xfrm>
            <a:off x="900000" y="1440000"/>
            <a:ext cx="2517840" cy="28800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/>
          <a:lstStyle/>
          <a:p>
            <a:endParaRPr lang="en-IN"/>
          </a:p>
        </p:txBody>
      </p:sp>
      <p:sp>
        <p:nvSpPr>
          <p:cNvPr id="172" name="Rectangle 171"/>
          <p:cNvSpPr/>
          <p:nvPr/>
        </p:nvSpPr>
        <p:spPr>
          <a:xfrm>
            <a:off x="828000" y="1332000"/>
            <a:ext cx="6659280" cy="4309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90000" tIns="45000" rIns="90000" bIns="45000" anchor="t">
            <a:noAutofit/>
          </a:bodyPr>
          <a:lstStyle/>
          <a:p>
            <a:pPr>
              <a:lnSpc>
                <a:spcPct val="100000"/>
              </a:lnSpc>
              <a:buNone/>
            </a:pPr>
            <a:r>
              <a:rPr lang="en-IN" sz="1200" b="0" strike="noStrike" spc="-1" dirty="0">
                <a:solidFill>
                  <a:srgbClr val="000000"/>
                </a:solidFill>
                <a:latin typeface="+mj-lt"/>
                <a:ea typeface="DejaVu Sans"/>
              </a:rPr>
              <a:t>Review and analyse main flows and process deviations within OTC.</a:t>
            </a:r>
            <a:endParaRPr lang="en-IN" sz="1200" b="0" strike="noStrike" spc="-1" dirty="0">
              <a:latin typeface="+mj-lt"/>
            </a:endParaRPr>
          </a:p>
        </p:txBody>
      </p:sp>
      <p:sp>
        <p:nvSpPr>
          <p:cNvPr id="173" name="Rectangle 172"/>
          <p:cNvSpPr/>
          <p:nvPr/>
        </p:nvSpPr>
        <p:spPr>
          <a:xfrm>
            <a:off x="828000" y="1737000"/>
            <a:ext cx="6119280" cy="45828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90000" tIns="45000" rIns="90000" bIns="45000" anchor="t">
            <a:noAutofit/>
          </a:bodyPr>
          <a:lstStyle/>
          <a:p>
            <a:pPr>
              <a:lnSpc>
                <a:spcPct val="100000"/>
              </a:lnSpc>
              <a:buNone/>
            </a:pPr>
            <a:r>
              <a:rPr lang="en-IN" sz="1200" b="0" strike="noStrike" spc="-1" dirty="0">
                <a:solidFill>
                  <a:srgbClr val="000000"/>
                </a:solidFill>
                <a:latin typeface="+mj-lt"/>
                <a:ea typeface="DejaVu Sans"/>
              </a:rPr>
              <a:t>Refine &amp; redesign order fulfilment process and systems where more transactions can be processed with less touches at lower cost.</a:t>
            </a:r>
            <a:endParaRPr lang="en-IN" sz="1200" b="0" strike="noStrike" spc="-1" dirty="0">
              <a:latin typeface="+mj-lt"/>
            </a:endParaRPr>
          </a:p>
        </p:txBody>
      </p:sp>
      <p:sp>
        <p:nvSpPr>
          <p:cNvPr id="174" name="Rectangle 173"/>
          <p:cNvSpPr/>
          <p:nvPr/>
        </p:nvSpPr>
        <p:spPr>
          <a:xfrm>
            <a:off x="828000" y="3240000"/>
            <a:ext cx="6083280" cy="45828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90000" tIns="45000" rIns="90000" bIns="45000" anchor="t">
            <a:noAutofit/>
          </a:bodyPr>
          <a:lstStyle/>
          <a:p>
            <a:pPr>
              <a:lnSpc>
                <a:spcPct val="100000"/>
              </a:lnSpc>
              <a:buNone/>
            </a:pPr>
            <a:r>
              <a:rPr lang="en-IN" sz="1200" b="0" strike="noStrike" spc="-1" dirty="0">
                <a:solidFill>
                  <a:srgbClr val="000000"/>
                </a:solidFill>
                <a:latin typeface="+mj-lt"/>
                <a:ea typeface="DejaVu Sans"/>
              </a:rPr>
              <a:t>Properly trace the number of unnecessary touch points / changes / reworks / bottle necks within order fulfilment process.</a:t>
            </a:r>
            <a:endParaRPr lang="en-IN" sz="1200" b="0" strike="noStrike" spc="-1" dirty="0">
              <a:latin typeface="+mj-lt"/>
            </a:endParaRPr>
          </a:p>
        </p:txBody>
      </p:sp>
      <p:sp>
        <p:nvSpPr>
          <p:cNvPr id="175" name="Oval 174"/>
          <p:cNvSpPr/>
          <p:nvPr/>
        </p:nvSpPr>
        <p:spPr>
          <a:xfrm>
            <a:off x="684000" y="1440000"/>
            <a:ext cx="71280" cy="71280"/>
          </a:xfrm>
          <a:prstGeom prst="ellipse">
            <a:avLst/>
          </a:prstGeom>
          <a:solidFill>
            <a:srgbClr val="00A933"/>
          </a:solidFill>
          <a:ln w="0">
            <a:solidFill>
              <a:srgbClr val="00A933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/>
          <a:lstStyle/>
          <a:p>
            <a:endParaRPr lang="en-IN"/>
          </a:p>
        </p:txBody>
      </p:sp>
      <p:sp>
        <p:nvSpPr>
          <p:cNvPr id="176" name="Oval 175"/>
          <p:cNvSpPr/>
          <p:nvPr/>
        </p:nvSpPr>
        <p:spPr>
          <a:xfrm>
            <a:off x="684360" y="2376360"/>
            <a:ext cx="71280" cy="71280"/>
          </a:xfrm>
          <a:prstGeom prst="ellipse">
            <a:avLst/>
          </a:prstGeom>
          <a:solidFill>
            <a:srgbClr val="00A933"/>
          </a:solidFill>
          <a:ln w="0">
            <a:solidFill>
              <a:srgbClr val="00A933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/>
          <a:lstStyle/>
          <a:p>
            <a:endParaRPr lang="en-IN"/>
          </a:p>
        </p:txBody>
      </p:sp>
      <p:sp>
        <p:nvSpPr>
          <p:cNvPr id="177" name="Oval 176"/>
          <p:cNvSpPr/>
          <p:nvPr/>
        </p:nvSpPr>
        <p:spPr>
          <a:xfrm>
            <a:off x="684360" y="3312360"/>
            <a:ext cx="71280" cy="71280"/>
          </a:xfrm>
          <a:prstGeom prst="ellipse">
            <a:avLst/>
          </a:prstGeom>
          <a:solidFill>
            <a:srgbClr val="00A933"/>
          </a:solidFill>
          <a:ln w="0">
            <a:solidFill>
              <a:srgbClr val="00A933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/>
          <a:lstStyle/>
          <a:p>
            <a:endParaRPr lang="en-IN"/>
          </a:p>
        </p:txBody>
      </p:sp>
      <p:sp>
        <p:nvSpPr>
          <p:cNvPr id="178" name="Straight Connector 177"/>
          <p:cNvSpPr/>
          <p:nvPr/>
        </p:nvSpPr>
        <p:spPr>
          <a:xfrm>
            <a:off x="720000" y="1512000"/>
            <a:ext cx="360" cy="864360"/>
          </a:xfrm>
          <a:prstGeom prst="line">
            <a:avLst/>
          </a:prstGeom>
          <a:ln w="0">
            <a:solidFill>
              <a:srgbClr val="00A933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/>
          <a:lstStyle/>
          <a:p>
            <a:endParaRPr lang="en-IN"/>
          </a:p>
        </p:txBody>
      </p:sp>
      <p:sp>
        <p:nvSpPr>
          <p:cNvPr id="179" name="Straight Connector 178"/>
          <p:cNvSpPr/>
          <p:nvPr/>
        </p:nvSpPr>
        <p:spPr>
          <a:xfrm>
            <a:off x="720000" y="2448360"/>
            <a:ext cx="35640" cy="864000"/>
          </a:xfrm>
          <a:prstGeom prst="line">
            <a:avLst/>
          </a:prstGeom>
          <a:ln w="0">
            <a:solidFill>
              <a:srgbClr val="00A933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/>
          <a:lstStyle/>
          <a:p>
            <a:endParaRPr lang="en-IN"/>
          </a:p>
        </p:txBody>
      </p:sp>
      <p:sp>
        <p:nvSpPr>
          <p:cNvPr id="180" name="Rectangle 179"/>
          <p:cNvSpPr/>
          <p:nvPr/>
        </p:nvSpPr>
        <p:spPr>
          <a:xfrm>
            <a:off x="828000" y="2277000"/>
            <a:ext cx="6119280" cy="45828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90000" tIns="45000" rIns="90000" bIns="45000" anchor="t">
            <a:noAutofit/>
          </a:bodyPr>
          <a:lstStyle/>
          <a:p>
            <a:pPr>
              <a:lnSpc>
                <a:spcPct val="100000"/>
              </a:lnSpc>
              <a:buNone/>
            </a:pPr>
            <a:r>
              <a:rPr lang="en-IN" sz="1200" b="0" strike="noStrike" spc="-1">
                <a:solidFill>
                  <a:srgbClr val="000000"/>
                </a:solidFill>
                <a:latin typeface="+mj-lt"/>
                <a:ea typeface="DejaVu Sans"/>
              </a:rPr>
              <a:t>Have a standardized / harmonized process followed within the company with minimal process gaps.</a:t>
            </a:r>
            <a:endParaRPr lang="en-IN" sz="1200" b="0" strike="noStrike" spc="-1">
              <a:latin typeface="+mj-lt"/>
            </a:endParaRPr>
          </a:p>
        </p:txBody>
      </p:sp>
      <p:sp>
        <p:nvSpPr>
          <p:cNvPr id="181" name="Rectangle 180"/>
          <p:cNvSpPr/>
          <p:nvPr/>
        </p:nvSpPr>
        <p:spPr>
          <a:xfrm>
            <a:off x="828000" y="2745000"/>
            <a:ext cx="6119280" cy="45828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90000" tIns="45000" rIns="90000" bIns="45000" anchor="t">
            <a:noAutofit/>
          </a:bodyPr>
          <a:lstStyle/>
          <a:p>
            <a:pPr>
              <a:lnSpc>
                <a:spcPct val="100000"/>
              </a:lnSpc>
              <a:buNone/>
            </a:pPr>
            <a:r>
              <a:rPr lang="en-IN" sz="1200" b="0" strike="noStrike" spc="-1">
                <a:solidFill>
                  <a:srgbClr val="000000"/>
                </a:solidFill>
                <a:latin typeface="+mj-lt"/>
                <a:ea typeface="DejaVu Sans"/>
              </a:rPr>
              <a:t>Highlight uncover/hidden friction through user activities/behaviors that are otherwise not visible with current reporting capabilities .</a:t>
            </a:r>
            <a:endParaRPr lang="en-IN" sz="1200" b="0" strike="noStrike" spc="-1">
              <a:latin typeface="+mj-lt"/>
            </a:endParaRPr>
          </a:p>
        </p:txBody>
      </p:sp>
      <p:sp>
        <p:nvSpPr>
          <p:cNvPr id="182" name="Oval 181"/>
          <p:cNvSpPr/>
          <p:nvPr/>
        </p:nvSpPr>
        <p:spPr>
          <a:xfrm>
            <a:off x="684360" y="1836000"/>
            <a:ext cx="71280" cy="71280"/>
          </a:xfrm>
          <a:prstGeom prst="ellipse">
            <a:avLst/>
          </a:prstGeom>
          <a:solidFill>
            <a:srgbClr val="00A933"/>
          </a:solidFill>
          <a:ln w="0">
            <a:solidFill>
              <a:srgbClr val="00A933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/>
          <a:lstStyle/>
          <a:p>
            <a:endParaRPr lang="en-IN"/>
          </a:p>
        </p:txBody>
      </p:sp>
      <p:sp>
        <p:nvSpPr>
          <p:cNvPr id="183" name="Oval 182"/>
          <p:cNvSpPr/>
          <p:nvPr/>
        </p:nvSpPr>
        <p:spPr>
          <a:xfrm>
            <a:off x="684360" y="2844000"/>
            <a:ext cx="71280" cy="71280"/>
          </a:xfrm>
          <a:prstGeom prst="ellipse">
            <a:avLst/>
          </a:prstGeom>
          <a:solidFill>
            <a:srgbClr val="00A933"/>
          </a:solidFill>
          <a:ln w="0">
            <a:solidFill>
              <a:srgbClr val="00A933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/>
          <a:lstStyle/>
          <a:p>
            <a:endParaRPr lang="en-IN"/>
          </a:p>
        </p:txBody>
      </p:sp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MiLCJUb3AiOjAuMCwiTGVmdCI6MC4wLCJSaWdodCI6MC4wLCJCb3R0b20iOjAuMH0sIlBhZGRpbmciOnsiJGlkIjoiNjQiLCJUb3AiOjAuMCwiTGVmdCI6MC4wLCJSaWdodCI6MC4wLCJCb3R0b20iOjAuMH0sIkJhY2tncm91bmQiOnsiJGlkIjoiNjUiLCJDb2xvciI6eyIkaWQiOiI2NiIsIkEiOjAsIlIiOjI1NSwiRyI6MjU1LCJCIjoyNTV9fSwiSXNWaXNpYmxlIjpmYWxzZSwiV2lkdGgiOjAuMCwiSGVpZ2h0IjowLjAsIkJvcmRlclN0eWxlIjp7IiRpZCI6IjY3IiwiTGluZUNvbG9yIjpudWxsLCJMaW5lV2VpZ2h0IjowLjAsIkxpbmVUeXBlIjowLCJQYXJlbnRTdHlsZSI6bnVsbH0sIlBhcmVudFN0eWxlIjpudWxsfSwiRGF0ZUZvcm1hdCI6eyIkaWQiOiI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aWQiOiI4MSIsIkEiOjg5LCJSIjowLCJHIjowLCJCIjowfX0sIklzVmlzaWJsZSI6dHJ1ZSwiV2lkdGgiOjAuMCwiSGVpZ2h0IjowLjAsIkJvcmRlclN0eWxlIjp7IiRpZCI6IjgyIiwiTGluZUNvbG9yIjpudWxsLCJMaW5lV2VpZ2h0IjowLjAsIkxpbmVUeXBlIjowLCJQYXJlbnRTdHlsZSI6bnVsbH0sIlBhcmVudFN0eWxlIjpudWxsfSwiRHVyYXRpb25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ODcifSwiUGFkZGluZyI6eyIkcmVmIjoiMTg4In0sIkJhY2tncm91bmQiOnsiJGlkIjoiMjczIiwiQ29sb3IiOnsiJHJlZiI6IjE5MCJ9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HJlZiI6IjIyOCJ9LCJJc1Zpc2libGUiOnRydWUsIldpZHRoIjowLjAsIkhlaWdodCI6MC4wLCJCb3JkZXJTdHlsZSI6eyIkaWQiOiIzMjUiLCJMaW5lQ29sb3IiOm51bGwsIkxpbmVXZWlnaHQiOjAuMCwiTGluZVR5cGUiOjAsIlBhcmVudFN0eWxlIjpudWxsfSwiUGFyZW50U3R5bGUiOm51bGx9LCJEYXRlRm9ybWF0Ijp7IiRpZCI6IjM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GlkIjoiNDEzIiwiQ29sb3IiOnsiJGlkIjoiNDE0IiwiQSI6MCwiUiI6MjU1LCJHIjoyNTUsIkIiOjI1NX19LCJJc1Zpc2libGUiOnRydWUsIldpZHRoIjowLjAsIkhlaWdodCI6MC4wLCJCb3JkZXJTdHlsZSI6eyIkaWQiOiI0MTUiLCJMaW5lQ29sb3IiOm51bGwsIkxpbmVXZWlnaHQiOjAuMCwiTGluZVR5cGUiOjAsIlBhcmVudFN0eWxlIjpudWxsfSwiUGFyZW50U3R5bGUiOm51bGx9LCJEYXRlRm9ybWF0Ijp7IiRpZCI6IjQ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I2In0sIlBhZGRpbmciOnsiJHJlZiI6IjIyNyJ9LCJCYWNrZ3JvdW5kIjp7IiRpZCI6IjQ1MyIsIkNvbG9yIjp7IiRpZCI6IjQ1NCIsIkEiOjAsIlIiOjI1NSwiRyI6MjU1LCJCIjoyNTV9fSwiSXNWaXNpYmxlIjp0cnVlLCJXaWR0aCI6MC4wLCJIZWlnaHQiOjAuMCwiQm9yZGVyU3R5bGUiOnsiJGlkIjoiNDU1IiwiTGluZUNvbG9yIjpudWxsLCJMaW5lV2VpZ2h0IjowLjAsIkxpbmVUeXBlIjowLCJQYXJlbnRTdHlsZSI6bnVsbH0sIlBhcmVudFN0eWxlIjpudWxsfSwiRGF0ZUZvcm1hdCI6eyIkaWQiOiI0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0NzQiLCJNYXJnaW4iOnsiJHJlZiI6IjIwOCJ9LCJQYWRkaW5nIjp7IiRyZWYiOiIyMDkifSwiQmFja2dyb3VuZCI6eyIkaWQiOiI0NzUiLCJDb2xvciI6eyIkaWQiOiI0NzYiLCJBIjoyNTUsIlIiOjMyLCJHIjoxMjEsIkIiOjE1MH19LCJJc1Zpc2libGUiOnRydWUsIldpZHRoIjowLjAsIkhlaWdodCI6MTAuMCwiQm9yZGVyU3R5bGUiOnsiJGlkIjoiNDc3IiwiTGluZUNvbG9yIjp7IiRyZWYiOiI0NDAifSwiTGluZVdlaWdodCI6MC4wLCJMaW5lVHlwZSI6MCwiUGFyZW50U3R5bGUiOm51bGx9LCJQYXJlbnRTdHlsZSI6bnVsbH0sIlRpdGxl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HJlZiI6IjIyOCJ9LCJJc1Zpc2libGUiOnRydWUsIldpZHRoIjowLjAsIkhlaWdodCI6MC4wLCJCb3JkZXJTdHlsZSI6eyIkaWQiOiI3MjEiLCJMaW5lQ29sb3IiOm51bGwsIkxpbmVXZWlnaHQiOjAuMCwiTGluZVR5cGUiOjAsIlBhcmVudFN0eWxlIjpudWxsfSwiUGFyZW50U3R5bGUiOm51bGx9LCJEYXRlRm9ybWF0Ijp7IiRpZCI6Ijc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HJlZiI6IjIyOCJ9LCJJc1Zpc2libGUiOnRydWUsIldpZHRoIjowLjAsIkhlaWdodCI6MC4wLCJCb3JkZXJTdHlsZSI6eyIkaWQiOiI5MDQiLCJMaW5lQ29sb3IiOm51bGwsIkxpbmVXZWlnaHQiOjAuMCwiTGluZVR5cGUiOjAsIlBhcmVudFN0eWxlIjpudWxsfSwiUGFyZW50U3R5bGUiOm51bGx9LCJEYXRlRm9ybWF0Ijp7IiRpZCI6Ijk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jMifSwiUGFkZGluZyI6eyIkcmVmIjoiNjQifSwiQmFja2dyb3VuZCI6eyIkaWQiOiIxNTg1IiwiQ29sb3IiOnsiJHJlZiI6IjE5OSJ9fSwiSXNWaXNpYmxlIjp0cnVlLCJXaWR0aCI6MC4wLCJIZWlnaHQiOjAuMCwiQm9yZGVyU3R5bGUiOm51bGwsIlBhcmVudFN0eWxlIjpudWxsfSwiRGF0ZUZvcm1hdCI6eyIkaWQiOiIxNT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ODciLCJGb3JtYXQiOjAsIklzVmlzaWJsZSI6ZmFsc2UsIkxhc3RLbm93blZpc2liaWxpdHlTdGF0ZSI6ZmFsc2V9LCJJc1Zpc2libGUiOnRydWUsIlBhcmVudFN0eWxlIjpudWxsfSwiRGVmYXVsdFRhc2tTdHlsZSI6eyIkaWQiOiIxNTg4IiwiU2hhcGUiOjcsIlNoYXBlVGhpY2tuZXNzIjowLCJEdXJhdGlvbkZvcm1hdCI6MCwiSW5jbHVkZU5vbldvcmtpbmdEYXlzSW5EdXJhdGlvbiI6ZmFsc2UsIlBlcmNlbnRhZ2VDb21wbGV0ZVN0eWxlIjp7IiRpZCI6IjE1ODkiLCJGb250U2V0dGluZ3MiOnsiJGlkIjoiMTU5M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A5IiwiRm9ybWF0IjowLCJJc1Zpc2libGUiOmZhbHNlLCJMYXN0S25vd25WaXNpYmlsaXR5U3RhdGUiOmZhbHNlfSwiSXNWaXNpYmxlIjp0cnVlLCJQYXJlbnRTdHlsZSI6bnVsbCwiX2V4cGxpY2l0bHlTZXQiOnsiJGlkIjoiMTYx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2MyJ9LCJQYWRkaW5nIjp7IiRyZWYiOiI2NCJ9LCJCYWNrZ3JvdW5kIjp7IiRpZCI6IjE4MDAiLCJDb2xvciI6eyIkaWQiOiIxODAxIiwiQSI6MCwiUiI6MjU1LCJHIjoyNTUsIkIiOjI1NX19LCJJc1Zpc2libGUiOmZhbHNlLCJXaWR0aCI6MC4wLCJIZWlnaHQiOjAuMCwiQm9yZGVyU3R5bGUiOnsiJGlkIjoiMTgwMiIsIkxpbmVDb2xvciI6bnVsbCwiTGluZVdlaWdodCI6MC4wLCJMaW5lVHlwZSI6MCwiUGFyZW50U3R5bGUiOm51bGx9LCJQYXJlbnRTdHlsZSI6bnVsbH0sIkRhdGVGb3JtYXQiOnsiJGlkIjoiMTgw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2MyJ9LCJQYWRkaW5nIjp7IiRyZWYiOiI2NCJ9LCJCYWNrZ3JvdW5kIjp7IiRpZCI6IjE4NTEiLCJDb2xvciI6eyIkaWQiOiIxODUyIiwiQSI6MCwiUiI6MjU1LCJHIjoyNTUsIkIiOjI1NX19LCJJc1Zpc2libGUiOmZhbHNlLCJXaWR0aCI6MC4wLCJIZWlnaHQiOjAuMCwiQm9yZGVyU3R5bGUiOnsiJGlkIjoiMTg1MyIsIkxpbmVDb2xvciI6bnVsbCwiTGluZVdlaWdodCI6MC4wLCJMaW5lVHlwZSI6MCwiUGFyZW50U3R5bGUiOm51bGx9LCJQYXJlbnRTdHlsZSI6bnVsbH0sIkRhdGVGb3JtYXQiOnsiJGlkIjoiMTg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GlkIjoiMTg5MSIsIkNvbG9yIjp7IiRpZCI6IjE4OTIiLCJBIjowLCJSIjoyNTUsIkciOjI1NSwiQiI6MjU1fX0sIklzVmlzaWJsZSI6dHJ1ZSwiV2lkdGgiOjAuMCwiSGVpZ2h0IjowLjAsIkJvcmRlclN0eWxlIjp7IiRpZCI6IjE4OTMiLCJMaW5lQ29sb3IiOm51bGwsIkxpbmVXZWlnaHQiOjAuMCwiTGluZVR5cGUiOjAsIlBhcmVudFN0eWxlIjpudWxsfSwiUGFyZW50U3R5bGUiOm51bGx9LCJEYXRlRm9ybWF0Ijp7IiRpZCI6IjE4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iwiUmVjZW50Q29sb3JzQ29sbGVjdGlvbiI6IltcIiNGRjJGMzY5OVwiXSJ9LCJTZXR0aW5ncyI6eyIkaWQiOiIxOTc4IiwiSW1wYU9wdGlvbnMiOnsiJGlkIjoiMTk3O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NCwiRmlsZVBhdGgiOiJDOlxcVXNlcnNcXENpb2NhbiBMYXVyYVxcRG9jdW1lbnRzXFxPVEwgT1RPIFN0dWZmXFxSb2FkbWFwc1xcUm9hZG1hcHMgLSBIb3cgdG8gbWFrZSAtIFBvd2VyUG9pbnRcXFRpbWVsaW5lIERhdGEueGxzeCIsIlRpbWVDb25maWd1cmF0aW9uIjp7IiRpZCI6IjE5ODAiLCJVc2VUaW1lIjpmYWxzZSwiV29ya0RheVN0YXJ0IjoiMDA6MDA6MDAiLCJXb3JrRGF5RW5kIjoiMjM6NTk6MDAifSwiTGFzdFVzZWRUZW1wbGF0ZUlkIjoiY2MyNmY4NjMtMjdjZS00ODBlLWE1ODktYjNmMTJmMmQ2ZWIw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1-10-01T00:00:00.0000000Z"/>
  <p:tag name="OTLENDDATE" val="2022-11-16T23:59:00.0000000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1T00:00:00.0000000"/>
  <p:tag name="OTLENDDATE" val="2021-12-06T23:59:00.0000000"/>
  <p:tag name="OTLDURATIONFORMAT" val="day"/>
  <p:tag name="OTLSPACING" val="3"/>
  <p:tag name="OTLSHAPETHICKNESSTYPE" val="Thin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1-10-01T00:00:00.0000000Z"/>
  <p:tag name="OTLENDDATE" val="2023-12-20T23:59:00.0000000Z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eckpoint 2"/>
  <p:tag name="OTLPOSITIONONTASK" val="Center"/>
  <p:tag name="OTLRELATEDTASKID" val="09650773-1fa9-4a99-a07d-38e09d6086c8"/>
  <p:tag name="OTLDATE" val="2023-11-10T23:59:00.0000000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OY1 Assessment"/>
  <p:tag name="OTLDATE" val="2021-12-28T23:59:00.0000000"/>
  <p:tag name="OTLPOSITIONONTASK" val="None"/>
  <p:tag name="OTLRELATEDTASKID" val="00000000-0000-0000-0000-000000000000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THREEDEFFECTS" val="None"/>
  <p:tag name="OTLTIMEBANDENDDATE" val="2023-12-28T23:59:00.0000000"/>
  <p:tag name="OTLLEFTENDCAPSMARGINLEFT" val="88.3375394321765"/>
  <p:tag name="OTLTIMEBANDRESERVEDLEFTAREAWIDTH" val="46.2807570977915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1T00:00:00.0000000"/>
  <p:tag name="OTLENDDATE" val="2021-12-06T23:59:00.0000000"/>
  <p:tag name="OTLDURATIONFORMAT" val="day"/>
  <p:tag name="OTLSPACING" val="3"/>
  <p:tag name="OTLSHAPETHICKNESSTYPE" val="Thin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1T00:00:00.0000000"/>
  <p:tag name="OTLENDDATE" val="2021-12-06T23:59:00.0000000"/>
  <p:tag name="OTLDURATIONFORMAT" val="day"/>
  <p:tag name="OTLSPACING" val="3"/>
  <p:tag name="OTLSHAPETHICKNESSTYPE" val="Thin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1T00:00:00.0000000"/>
  <p:tag name="OTLENDDATE" val="2021-12-06T23:59:00.0000000"/>
  <p:tag name="OTLDURATIONFORMAT" val="day"/>
  <p:tag name="OTLSPACING" val="3"/>
  <p:tag name="OTLSHAPETHICKNESSTYPE" val="Thin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1T00:00:00.0000000"/>
  <p:tag name="OTLENDDATE" val="2021-12-06T23:59:00.0000000"/>
  <p:tag name="OTLDURATIONFORMAT" val="day"/>
  <p:tag name="OTLSPACING" val="3"/>
  <p:tag name="OTLSHAPETHICKNESSTYPE" val="Thin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1T00:00:00.0000000"/>
  <p:tag name="OTLENDDATE" val="2021-12-06T23:59:00.0000000"/>
  <p:tag name="OTLDURATIONFORMAT" val="day"/>
  <p:tag name="OTLSPACING" val="3"/>
  <p:tag name="OTLSHAPETHICKNESSTYPE" val="Thin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20T00:00:00.0000000Z"/>
  <p:tag name="OTLENDDATE" val="2023-12-20T23:59:00.0000000Z"/>
  <p:tag name="OTLDURATIONFORMAT" val="day"/>
  <p:tag name="OTLSPACING" val="3"/>
  <p:tag name="OTLSHAPETHICKNESSTYPE" val="Thin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20T00:00:00.0000000Z"/>
  <p:tag name="OTLENDDATE" val="2023-12-20T23:59:00.0000000Z"/>
  <p:tag name="OTLDURATIONFORMAT" val="day"/>
  <p:tag name="OTLSPACING" val="3"/>
  <p:tag name="OTLSHAPETHICKNESSTYPE" val="Thin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THREEDEFFECTS" val="None"/>
  <p:tag name="OTLTIMEBANDENDDATE" val="2023-12-28T23:59:00.0000000"/>
  <p:tag name="OTLLEFTENDCAPSMARGINLEFT" val="88.3375394321765"/>
  <p:tag name="OTLTIMEBANDRESERVEDLEFTAREAWIDTH" val="46.2807570977915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OY1 Assessment"/>
  <p:tag name="OTLDATE" val="2021-12-28T23:59:00.0000000"/>
  <p:tag name="OTLPOSITIONONTASK" val="None"/>
  <p:tag name="OTLRELATEDTASKID" val="00000000-0000-0000-0000-000000000000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OY1 Assessment"/>
  <p:tag name="OTLDATE" val="2021-12-28T23:59:00.0000000"/>
  <p:tag name="OTLPOSITIONONTASK" val="None"/>
  <p:tag name="OTLRELATEDTASKID" val="00000000-0000-0000-0000-000000000000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OY1 Assessment"/>
  <p:tag name="OTLDATE" val="2021-12-28T23:59:00.0000000"/>
  <p:tag name="OTLPOSITIONONTASK" val="None"/>
  <p:tag name="OTLRELATEDTASKID" val="00000000-0000-0000-0000-000000000000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THREEDEFFECTS" val="None"/>
  <p:tag name="OTLTIMEBANDENDDATE" val="2023-12-28T23:59:00.0000000"/>
  <p:tag name="OTLLEFTENDCAPSMARGINLEFT" val="88.3375394321765"/>
  <p:tag name="OTLTIMEBANDRESERVEDLEFTAREAWIDTH" val="46.2807570977915"/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OY1 Assessment"/>
  <p:tag name="OTLDATE" val="2021-12-28T23:59:00.0000000"/>
  <p:tag name="OTLPOSITIONONTASK" val="None"/>
  <p:tag name="OTLRELATEDTASKID" val="00000000-0000-0000-0000-000000000000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OY1 Assessment"/>
  <p:tag name="OTLDATE" val="2021-12-28T23:59:00.0000000"/>
  <p:tag name="OTLPOSITIONONTASK" val="None"/>
  <p:tag name="OTLRELATEDTASKID" val="00000000-0000-0000-0000-000000000000"/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OY1 Assessment"/>
  <p:tag name="OTLDATE" val="2021-12-28T23:59:00.0000000"/>
  <p:tag name="OTLPOSITIONONTASK" val="None"/>
  <p:tag name="OTLRELATEDTASKID" val="00000000-0000-0000-0000-000000000000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OY1 Assessment"/>
  <p:tag name="OTLDATE" val="2021-12-28T23:59:00.0000000"/>
  <p:tag name="OTLPOSITIONONTASK" val="None"/>
  <p:tag name="OTLRELATEDTASKID" val="00000000-0000-0000-0000-000000000000"/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OY1 Assessment"/>
  <p:tag name="OTLDATE" val="2021-12-28T23:59:00.0000000"/>
  <p:tag name="OTLPOSITIONONTASK" val="None"/>
  <p:tag name="OTLRELATEDTASKID" val="00000000-0000-0000-0000-000000000000"/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OY1 Assessment"/>
  <p:tag name="OTLDATE" val="2021-12-28T23:59:00.0000000"/>
  <p:tag name="OTLPOSITIONONTASK" val="None"/>
  <p:tag name="OTLRELATEDTASKID" val="00000000-0000-0000-0000-000000000000"/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OY1 Assessment"/>
  <p:tag name="OTLDATE" val="2021-12-28T23:59:00.0000000"/>
  <p:tag name="OTLPOSITIONONTASK" val="None"/>
  <p:tag name="OTLRELATEDTASKID" val="00000000-0000-0000-0000-000000000000"/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OY1 Assessment"/>
  <p:tag name="OTLDATE" val="2021-12-28T23:59:00.0000000"/>
  <p:tag name="OTLPOSITIONONTASK" val="None"/>
  <p:tag name="OTLRELATEDTASKID" val="00000000-0000-0000-0000-000000000000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OY1 Assessment"/>
  <p:tag name="OTLDATE" val="2021-12-28T23:59:00.0000000"/>
  <p:tag name="OTLPOSITIONONTASK" val="None"/>
  <p:tag name="OTLRELATEDTASKID" val="00000000-0000-0000-0000-000000000000"/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OY1 Assessment"/>
  <p:tag name="OTLDATE" val="2021-12-28T23:59:00.0000000"/>
  <p:tag name="OTLPOSITIONONTASK" val="None"/>
  <p:tag name="OTLRELATEDTASKID" val="00000000-0000-0000-0000-000000000000"/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OY1 Assessment"/>
  <p:tag name="OTLDATE" val="2021-12-28T23:59:00.0000000"/>
  <p:tag name="OTLPOSITIONONTASK" val="None"/>
  <p:tag name="OTLRELATEDTASKID" val="00000000-0000-0000-0000-000000000000"/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OY1 Assessment"/>
  <p:tag name="OTLDATE" val="2021-12-28T23:59:00.0000000"/>
  <p:tag name="OTLPOSITIONONTASK" val="None"/>
  <p:tag name="OTLRELATEDTASKID" val="00000000-0000-0000-0000-000000000000"/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20T00:00:00.0000000Z"/>
  <p:tag name="OTLENDDATE" val="2023-12-20T23:59:00.0000000Z"/>
  <p:tag name="OTLDURATIONFORMAT" val="day"/>
  <p:tag name="OTLSPACING" val="3"/>
  <p:tag name="OTLSHAPETHICKNESSTYPE" val="Thin"/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imple Light">
  <a:themeElements>
    <a:clrScheme name="LMNAs Theme">
      <a:dk1>
        <a:srgbClr val="000000"/>
      </a:dk1>
      <a:lt1>
        <a:srgbClr val="FFFFFF"/>
      </a:lt1>
      <a:dk2>
        <a:srgbClr val="595959"/>
      </a:dk2>
      <a:lt2>
        <a:srgbClr val="EEEEEE"/>
      </a:lt2>
      <a:accent1>
        <a:srgbClr val="225AA0"/>
      </a:accent1>
      <a:accent2>
        <a:srgbClr val="1A3C5D"/>
      </a:accent2>
      <a:accent3>
        <a:srgbClr val="4BADE9"/>
      </a:accent3>
      <a:accent4>
        <a:srgbClr val="2C75CE"/>
      </a:accent4>
      <a:accent5>
        <a:srgbClr val="83AFE5"/>
      </a:accent5>
      <a:accent6>
        <a:srgbClr val="2C75CE"/>
      </a:accent6>
      <a:hlink>
        <a:srgbClr val="6199DD"/>
      </a:hlink>
      <a:folHlink>
        <a:srgbClr val="1A3C5D"/>
      </a:folHlink>
    </a:clrScheme>
    <a:fontScheme name="LMNAs">
      <a:majorFont>
        <a:latin typeface="Roboto"/>
        <a:ea typeface=""/>
        <a:cs typeface=""/>
      </a:majorFont>
      <a:minorFont>
        <a:latin typeface="Robot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>
  <a:themeElements>
    <a:clrScheme name="Default">
      <a:dk1>
        <a:srgbClr val="000000"/>
      </a:dk1>
      <a:lt1>
        <a:srgbClr val="FFFFFF"/>
      </a:lt1>
      <a:dk2>
        <a:srgbClr val="158158"/>
      </a:dk2>
      <a:lt2>
        <a:srgbClr val="F3F3F3"/>
      </a:lt2>
      <a:accent1>
        <a:srgbClr val="058DC7"/>
      </a:accent1>
      <a:accent2>
        <a:srgbClr val="50B432"/>
      </a:accent2>
      <a:accent3>
        <a:srgbClr val="ED561B"/>
      </a:accent3>
      <a:accent4>
        <a:srgbClr val="EDEF00"/>
      </a:accent4>
      <a:accent5>
        <a:srgbClr val="24CBE5"/>
      </a:accent5>
      <a:accent6>
        <a:srgbClr val="64E572"/>
      </a:accent6>
      <a:hlink>
        <a:srgbClr val="2200CC"/>
      </a:hlink>
      <a:folHlink>
        <a:srgbClr val="551A8B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activity xmlns="e09f946f-1d80-44d5-971c-9f9ec7e689d8" xsi:nil="true"/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CE642D4B8609344B51C41898041F110" ma:contentTypeVersion="15" ma:contentTypeDescription="Create a new document." ma:contentTypeScope="" ma:versionID="1b0a626ee86c2def61a69aa267da9da7">
  <xsd:schema xmlns:xsd="http://www.w3.org/2001/XMLSchema" xmlns:xs="http://www.w3.org/2001/XMLSchema" xmlns:p="http://schemas.microsoft.com/office/2006/metadata/properties" xmlns:ns3="e09f946f-1d80-44d5-971c-9f9ec7e689d8" xmlns:ns4="6b5b428c-1852-4320-abde-cf65d4756234" targetNamespace="http://schemas.microsoft.com/office/2006/metadata/properties" ma:root="true" ma:fieldsID="75cf5dba95630e5fa719d42b7ef35545" ns3:_="" ns4:_="">
    <xsd:import namespace="e09f946f-1d80-44d5-971c-9f9ec7e689d8"/>
    <xsd:import namespace="6b5b428c-1852-4320-abde-cf65d4756234"/>
    <xsd:element name="properties">
      <xsd:complexType>
        <xsd:sequence>
          <xsd:element name="documentManagement">
            <xsd:complexType>
              <xsd:all>
                <xsd:element ref="ns3:_activity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LengthInSeconds" minOccurs="0"/>
                <xsd:element ref="ns3:MediaServiceLocation" minOccurs="0"/>
                <xsd:element ref="ns3:MediaServiceOCR" minOccurs="0"/>
                <xsd:element ref="ns3:MediaServiceGenerationTime" minOccurs="0"/>
                <xsd:element ref="ns3:MediaServiceEventHashCode" minOccurs="0"/>
                <xsd:element ref="ns3:MediaServiceObjectDetectorVersions" minOccurs="0"/>
                <xsd:element ref="ns3:MediaServiceSystemTag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09f946f-1d80-44d5-971c-9f9ec7e689d8" elementFormDefault="qualified">
    <xsd:import namespace="http://schemas.microsoft.com/office/2006/documentManagement/types"/>
    <xsd:import namespace="http://schemas.microsoft.com/office/infopath/2007/PartnerControls"/>
    <xsd:element name="_activity" ma:index="8" nillable="true" ma:displayName="_activity" ma:hidden="true" ma:internalName="_activity">
      <xsd:simpleType>
        <xsd:restriction base="dms:Note"/>
      </xsd:simpleType>
    </xsd:element>
    <xsd:element name="MediaServiceMetadata" ma:index="12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3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4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AutoTags" ma:index="15" nillable="true" ma:displayName="Tags" ma:internalName="MediaServiceAutoTags" ma:readOnly="true">
      <xsd:simpleType>
        <xsd:restriction base="dms:Text"/>
      </xsd:simpleType>
    </xsd:element>
    <xsd:element name="MediaLengthInSeconds" ma:index="16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17" nillable="true" ma:displayName="Location" ma:indexed="true" ma:internalName="MediaServiceLocation" ma:readOnly="true">
      <xsd:simpleType>
        <xsd:restriction base="dms:Text"/>
      </xsd:simple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9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0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bjectDetectorVersions" ma:index="2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ystemTags" ma:index="22" nillable="true" ma:displayName="MediaServiceSystemTags" ma:hidden="true" ma:internalName="MediaServiceSystemTag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b5b428c-1852-4320-abde-cf65d4756234" elementFormDefault="qualified">
    <xsd:import namespace="http://schemas.microsoft.com/office/2006/documentManagement/types"/>
    <xsd:import namespace="http://schemas.microsoft.com/office/infopath/2007/PartnerControls"/>
    <xsd:element name="SharedWithUsers" ma:index="9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0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1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90643828-3646-4C7D-8A28-2C8C01596F12}">
  <ds:schemaRefs>
    <ds:schemaRef ds:uri="http://purl.org/dc/terms/"/>
    <ds:schemaRef ds:uri="http://purl.org/dc/dcmitype/"/>
    <ds:schemaRef ds:uri="http://schemas.microsoft.com/office/2006/documentManagement/types"/>
    <ds:schemaRef ds:uri="http://purl.org/dc/elements/1.1/"/>
    <ds:schemaRef ds:uri="e09f946f-1d80-44d5-971c-9f9ec7e689d8"/>
    <ds:schemaRef ds:uri="http://schemas.microsoft.com/office/2006/metadata/properties"/>
    <ds:schemaRef ds:uri="6b5b428c-1852-4320-abde-cf65d4756234"/>
    <ds:schemaRef ds:uri="http://www.w3.org/XML/1998/namespace"/>
    <ds:schemaRef ds:uri="http://schemas.openxmlformats.org/package/2006/metadata/core-properties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919E7F63-7A8B-4836-A587-665569CCBB3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e09f946f-1d80-44d5-971c-9f9ec7e689d8"/>
    <ds:schemaRef ds:uri="6b5b428c-1852-4320-abde-cf65d475623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C245DF5E-85CD-4929-AF34-A143CE6DC6E7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5313</TotalTime>
  <Words>757</Words>
  <Application>Microsoft Office PowerPoint</Application>
  <PresentationFormat>On-screen Show (16:9)</PresentationFormat>
  <Paragraphs>237</Paragraphs>
  <Slides>13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11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25" baseType="lpstr">
      <vt:lpstr>Figtree</vt:lpstr>
      <vt:lpstr>Fira Sans</vt:lpstr>
      <vt:lpstr>Aptos</vt:lpstr>
      <vt:lpstr>Arial</vt:lpstr>
      <vt:lpstr>Roboto</vt:lpstr>
      <vt:lpstr>Outfit</vt:lpstr>
      <vt:lpstr>Cochocib Script Latin Pro</vt:lpstr>
      <vt:lpstr>Wingdings</vt:lpstr>
      <vt:lpstr>Calibri</vt:lpstr>
      <vt:lpstr>Consolas</vt:lpstr>
      <vt:lpstr>Arabic Typesetting</vt:lpstr>
      <vt:lpstr>Simple Light</vt:lpstr>
      <vt:lpstr>PowerPoint Presentation</vt:lpstr>
      <vt:lpstr>PowerPoint Presentation</vt:lpstr>
      <vt:lpstr>PowerPoint Presentation</vt:lpstr>
      <vt:lpstr>PowerPoint Presentation</vt:lpstr>
      <vt:lpstr>OCC Monitoring Demo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LENS BHV Demo</vt:lpstr>
      <vt:lpstr>LENS CRM Demo</vt:lpstr>
      <vt:lpstr>Thank You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LENS ERP Demo – O2C (Order to Cash)</dc:title>
  <dc:creator>Akash Saravanan</dc:creator>
  <cp:lastModifiedBy>Akash Saravanan</cp:lastModifiedBy>
  <cp:revision>44</cp:revision>
  <dcterms:modified xsi:type="dcterms:W3CDTF">2023-12-23T12:28:1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CE642D4B8609344B51C41898041F110</vt:lpwstr>
  </property>
</Properties>
</file>